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029"/>
  <workbookPr/>
  <mc:AlternateContent xmlns:mc="http://schemas.openxmlformats.org/markup-compatibility/2006">
    <mc:Choice Requires="x15">
      <x15ac:absPath xmlns:x15ac="http://schemas.microsoft.com/office/spreadsheetml/2010/11/ac" url="C:\Users\chris.alston\Downloads\"/>
    </mc:Choice>
  </mc:AlternateContent>
  <xr:revisionPtr revIDLastSave="0" documentId="13_ncr:1_{EC5FE31E-2192-4311-8B0F-3A8E92644BB3}" xr6:coauthVersionLast="47" xr6:coauthVersionMax="47" xr10:uidLastSave="{00000000-0000-0000-0000-000000000000}"/>
  <bookViews>
    <workbookView xWindow="-110" yWindow="-110" windowWidth="19420" windowHeight="11500" activeTab="1" xr2:uid="{00000000-000D-0000-FFFF-FFFF00000000}"/>
  </bookViews>
  <sheets>
    <sheet name="About" sheetId="1" r:id="rId1"/>
    <sheet name="Contents" sheetId="4" r:id="rId2"/>
    <sheet name="Figure 1.1" sheetId="2" r:id="rId3"/>
    <sheet name="Figure 1.2" sheetId="5" r:id="rId4"/>
    <sheet name="Figure 2.3" sheetId="3" r:id="rId5"/>
    <sheet name="Figure 2.3 (b)" sheetId="8" r:id="rId6"/>
    <sheet name="Figure 2.5" sheetId="9" r:id="rId7"/>
    <sheet name="Figure 2.5 (b)" sheetId="10" r:id="rId8"/>
    <sheet name="Figure 3.1" sheetId="6" r:id="rId9"/>
  </sheets>
  <definedNames>
    <definedName name="_ftn1" localSheetId="7">'Figure 2.5 (b)'!$A$31</definedName>
    <definedName name="_ftnref1" localSheetId="7">'Figure 2.5 (b)'!$A$24</definedName>
    <definedName name="_Ref195104024" localSheetId="4">'Figure 2.3'!$A$1</definedName>
    <definedName name="SdCt01893f76f3594d6896dee9cf24a4d25d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4">'Figure 2.3'!#REF!</definedName>
    <definedName name="SdCt01893f76f3594d6896dee9cf24a4d25d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4">'Figure 2.3'!#REF!</definedName>
    <definedName name="SdCt0452eb5a71914a86a5b99123fce43ae1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7">'Figure 2.5 (b)'!$A$16:$E$21</definedName>
    <definedName name="SdCt0452eb5a71914a86a5b99123fce43ae1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7">'Figure 2.5 (b)'!$A$16:$E$21</definedName>
    <definedName name="SdCt0ca04e57baf34200800ddfe50287f742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5">'Figure 2.3 (b)'!$A$4:$F$14</definedName>
    <definedName name="SdCt0ca04e57baf34200800ddfe50287f742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5">'Figure 2.3 (b)'!$A$4:$F$14</definedName>
    <definedName name="SdCt0cf511f5c2184ab6a1f25fdd59ef5678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2">'Figure 1.1'!$A$4:$V$55</definedName>
    <definedName name="SdCt0cf511f5c2184ab6a1f25fdd59ef5678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2">'Figure 1.1'!$A$4:$V$55</definedName>
    <definedName name="SdCt21bb905049fd442bae9f7f7b19a6b74a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5">'Figure 2.3 (b)'!$A$26:$E$28</definedName>
    <definedName name="SdCt21bb905049fd442bae9f7f7b19a6b74a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5">'Figure 2.3 (b)'!$A$26:$E$28</definedName>
    <definedName name="SdCt2bbf08aef4dd463e9ffa7cedcec932c4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7">'Figure 2.5 (b)'!$A$43:$L$53</definedName>
    <definedName name="SdCt2bbf08aef4dd463e9ffa7cedcec932c4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7">'Figure 2.5 (b)'!$A$43:$L$53</definedName>
    <definedName name="SdCt4078c12f07d24c74abbf89de50547633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8">'Figure 3.1'!$A$4:$B$39</definedName>
    <definedName name="SdCt4078c12f07d24c74abbf89de50547633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8">'Figure 3.1'!$A$4:$B$39</definedName>
    <definedName name="SdCt47a23c6cc1514d8d845dfba9afc218d7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8">'Figure 3.1'!$A$3:$B$11</definedName>
    <definedName name="SdCt47a23c6cc1514d8d845dfba9afc218d7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8">'Figure 3.1'!$A$3:$B$11</definedName>
    <definedName name="SdCt4e5d766da78240418bd1ed6a7274eaa7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2">'Figure 1.1'!$A$2:$A$3</definedName>
    <definedName name="SdCt4e5d766da78240418bd1ed6a7274eaa7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2">'Figure 1.1'!$A$2:$A$3</definedName>
    <definedName name="SdCt605ce919c3da403ebf85924e05d33536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5">'Figure 2.3 (b)'!$A$4:$W$14</definedName>
    <definedName name="SdCt605ce919c3da403ebf85924e05d33536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5">'Figure 2.3 (b)'!$A$4:$W$14</definedName>
    <definedName name="SdCt79402f1e909b42ebb071831af3875cba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3">'Figure 1.2'!$A$3:$B$20</definedName>
    <definedName name="SdCt79402f1e909b42ebb071831af3875cba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3">'Figure 1.2'!$A$3:$B$20</definedName>
    <definedName name="SdCt82b33573a0da482c82f0ec9e319ba089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7">'Figure 2.5 (b)'!$A$27:$F$36</definedName>
    <definedName name="SdCt82b33573a0da482c82f0ec9e319ba089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7">'Figure 2.5 (b)'!$A$27:$F$36</definedName>
    <definedName name="SdCt9c2b9b44f3ae46dbb5781e822e96b4b2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7">'Figure 2.5 (b)'!$A$4:$C$12</definedName>
    <definedName name="SdCt9c2b9b44f3ae46dbb5781e822e96b4b2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7">'Figure 2.5 (b)'!$A$4:$C$12</definedName>
    <definedName name="SdCtcf56358eb68342b9a41e5fbe11a81be8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3">'Figure 1.2'!#REF!</definedName>
    <definedName name="SdCtcf56358eb68342b9a41e5fbe11a81be8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3">'Figure 1.2'!#REF!</definedName>
    <definedName name="SdCtd829c6b3a768476691ca3df4278cad6e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4">'Figure 2.3'!$A$4:$H$154</definedName>
    <definedName name="SdCtd829c6b3a768476691ca3df4278cad6e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4">'Figure 2.3'!$A$4:$H$154</definedName>
    <definedName name="SdCtdc39524207f54420aedf8e19503c5d62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5">'Figure 2.3 (b)'!$A$17:$E$22</definedName>
    <definedName name="SdCtdc39524207f54420aedf8e19503c5d62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5">'Figure 2.3 (b)'!$A$17:$E$22</definedName>
    <definedName name="SdCtdf609546840c41e28838e23c05e4a2c1_1" localSheetId="7">'Figure 2.5 (b)'!$A$57:$M$69</definedName>
    <definedName name="SdCtf4739d874ab942c5ae1f7ed60222b427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7">'Figure 2.5 (b)'!$A$57:$M$69</definedName>
    <definedName name="SdCtf4739d874ab942c5ae1f7ed60222b427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7">'Figure 2.5 (b)'!$A$57:$M$69</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249" uniqueCount="209">
  <si>
    <t>About this workbook</t>
  </si>
  <si>
    <r>
      <t xml:space="preserve">The </t>
    </r>
    <r>
      <rPr>
        <b/>
        <sz val="10"/>
        <color theme="1"/>
        <rFont val="Arial"/>
        <family val="2"/>
      </rPr>
      <t>Contents</t>
    </r>
    <r>
      <rPr>
        <sz val="10"/>
        <color theme="1"/>
        <rFont val="Arial"/>
        <family val="2"/>
      </rPr>
      <t xml:space="preserve"> worksheet links to the data for each chart.</t>
    </r>
  </si>
  <si>
    <t>Contents</t>
  </si>
  <si>
    <t>Figure no.</t>
  </si>
  <si>
    <t>Title</t>
  </si>
  <si>
    <t>Year</t>
  </si>
  <si>
    <t>2002-03</t>
  </si>
  <si>
    <t>2003-04</t>
  </si>
  <si>
    <t>2004-05</t>
  </si>
  <si>
    <t>2005-06</t>
  </si>
  <si>
    <t>2006-07</t>
  </si>
  <si>
    <t>2007-08</t>
  </si>
  <si>
    <t>2008-09</t>
  </si>
  <si>
    <t>2009-10</t>
  </si>
  <si>
    <t>2010-11</t>
  </si>
  <si>
    <t>2011-12</t>
  </si>
  <si>
    <t>2012-13</t>
  </si>
  <si>
    <t>2013-14</t>
  </si>
  <si>
    <t>2014-15</t>
  </si>
  <si>
    <t>2015-16</t>
  </si>
  <si>
    <t>2016-17</t>
  </si>
  <si>
    <t>2017-18</t>
  </si>
  <si>
    <t>2018-19</t>
  </si>
  <si>
    <t>2019-20</t>
  </si>
  <si>
    <t>2020-21</t>
  </si>
  <si>
    <t>Figure 1.1</t>
  </si>
  <si>
    <t>A long downward trend in effective rates of industry assistance</t>
  </si>
  <si>
    <t>Figure 1.2</t>
  </si>
  <si>
    <t>Since 2010 the number of new trade distorting policies each year has trended upwards globally</t>
  </si>
  <si>
    <t>Figure 2.3</t>
  </si>
  <si>
    <t>Benefits and costs of a PPE stockpile at different probabilities of disruption</t>
  </si>
  <si>
    <t>Figure 2.5</t>
  </si>
  <si>
    <t>Cumulative costs and benefits for country B of 'club goods' intervention</t>
  </si>
  <si>
    <t>Figure 3.1</t>
  </si>
  <si>
    <t>Australia's emissions for the year to June 2024, by sectoral source</t>
  </si>
  <si>
    <t>Figure 2.3 (b)</t>
  </si>
  <si>
    <t>Figure 2.5 (b)</t>
  </si>
  <si>
    <t>Assumptions underpinning figure 2.5</t>
  </si>
  <si>
    <t>Year implemented</t>
  </si>
  <si>
    <t>Number of interventions globally identified as 'trade distorting'</t>
  </si>
  <si>
    <t>Count</t>
  </si>
  <si>
    <t>Source: Global Trade Alert (2025).</t>
  </si>
  <si>
    <t>a. Distortionary interventions typically involved import tariffs, state loans, quotas and subsidies. b. Data for 2025 is as of 10 September 2025.</t>
  </si>
  <si>
    <t>Manufacturing</t>
  </si>
  <si>
    <t>Agriculture</t>
  </si>
  <si>
    <t>1970-71</t>
  </si>
  <si>
    <t>1974-75</t>
  </si>
  <si>
    <t>1978-79</t>
  </si>
  <si>
    <t>1982-83</t>
  </si>
  <si>
    <t>1986-87</t>
  </si>
  <si>
    <t>1990-91</t>
  </si>
  <si>
    <t>1994-95</t>
  </si>
  <si>
    <t>1998-99</t>
  </si>
  <si>
    <t>a. Effective rate of assistance represents combined tariff assistance and budgetary assistance as a percent of unassisted net output. b. ‘Agriculture’ refers to selected agriculture activities up to and including 2000 01. From 2001 02, estimates refer to division A of the Australian and New Zealand standard industrial classification, which covers agriculture, forestry, fishing and 2hunting activities (ABS 2013). c. Breaks and overlapping series represent a change of methodology and/or data sources.</t>
  </si>
  <si>
    <t>Effective rates of assistance to manufacturing and agriculture, 1970-71 to 2020-21</t>
  </si>
  <si>
    <t>1971-72</t>
  </si>
  <si>
    <t>1972-73</t>
  </si>
  <si>
    <t>1973-74</t>
  </si>
  <si>
    <t>1975-76</t>
  </si>
  <si>
    <t>1976-77</t>
  </si>
  <si>
    <t>1977-78</t>
  </si>
  <si>
    <t>1979-80</t>
  </si>
  <si>
    <t>1980-81</t>
  </si>
  <si>
    <t>1981-82</t>
  </si>
  <si>
    <t>1983-84</t>
  </si>
  <si>
    <t>1984-85</t>
  </si>
  <si>
    <t>1985-86</t>
  </si>
  <si>
    <t>1987-88</t>
  </si>
  <si>
    <t>1988-89</t>
  </si>
  <si>
    <t>1989-90</t>
  </si>
  <si>
    <t>1991-92</t>
  </si>
  <si>
    <t>1992-93</t>
  </si>
  <si>
    <t>1993-94</t>
  </si>
  <si>
    <t>1995-96</t>
  </si>
  <si>
    <t>1996-97</t>
  </si>
  <si>
    <t>1997-98</t>
  </si>
  <si>
    <t>1999-00</t>
  </si>
  <si>
    <t>2000-01</t>
  </si>
  <si>
    <t>2001-02</t>
  </si>
  <si>
    <r>
      <rPr>
        <i/>
        <sz val="10"/>
        <color theme="1"/>
        <rFont val="Arial"/>
        <family val="2"/>
      </rPr>
      <t>Source</t>
    </r>
    <r>
      <rPr>
        <sz val="10"/>
        <color theme="1"/>
        <rFont val="Arial"/>
        <family val="2"/>
      </rPr>
      <t>: Productivity Commission estimates.</t>
    </r>
  </si>
  <si>
    <t>Maintenance</t>
  </si>
  <si>
    <t>Overheads</t>
  </si>
  <si>
    <t>Health outcome</t>
  </si>
  <si>
    <t>Health costs averted</t>
  </si>
  <si>
    <t>Benefit if pandemic occurs</t>
  </si>
  <si>
    <t>Cost of a PPE stockpile</t>
  </si>
  <si>
    <t>Unit/frequency</t>
  </si>
  <si>
    <t>Establishment costs</t>
  </si>
  <si>
    <t>$AUD, Once off</t>
  </si>
  <si>
    <t>Maintenance costs</t>
  </si>
  <si>
    <t>$AUD, Annual</t>
  </si>
  <si>
    <t>Overheads costs</t>
  </si>
  <si>
    <t>Health outcome benefits</t>
  </si>
  <si>
    <t>Times initial cost</t>
  </si>
  <si>
    <t>Assumptions</t>
  </si>
  <si>
    <t>Value - best case</t>
  </si>
  <si>
    <t>Value - mid case</t>
  </si>
  <si>
    <t>Value - worst case</t>
  </si>
  <si>
    <t>Source</t>
  </si>
  <si>
    <t>Stockpile size (months)</t>
  </si>
  <si>
    <t>Months</t>
  </si>
  <si>
    <t>Hospital workers - FTE</t>
  </si>
  <si>
    <t>Employed, 2023</t>
  </si>
  <si>
    <t>PPE per worker (month)</t>
  </si>
  <si>
    <t>$2024 AUD, monthly</t>
  </si>
  <si>
    <t>Maintenance (% of est)</t>
  </si>
  <si>
    <t>per cent</t>
  </si>
  <si>
    <t>[1] Calculation based on an average shelf life of 5 years for PPE, so 20% of stock will be renewed annually. This assumes no expiring stock can be used or sold (Dow et al. 2020).</t>
  </si>
  <si>
    <t>Overheads (% of est)</t>
  </si>
  <si>
    <t xml:space="preserve"> Overheads are modelled as 3% of the total stock value. For simplicity, the size of the health workforce is held constant (Dow et al. 2020).</t>
  </si>
  <si>
    <t>QALY value</t>
  </si>
  <si>
    <t>$2024 AUD</t>
  </si>
  <si>
    <t>QALY gain value</t>
  </si>
  <si>
    <t>$AUD</t>
  </si>
  <si>
    <t>McAndrew et al. 2024, p. 10; Risko et al. 2020, p. 4; Sharma et al. 2024, p. 8. We use $1000 instead of $100 for QALY gained as $100 seemed extremely low for an Australian context vs in India where Sharma et al was done.</t>
  </si>
  <si>
    <t>Times cost</t>
  </si>
  <si>
    <t>McAndrew et al. 2024, p. 10; Risko et al. 2020, p. 4; Sharma et al. 2024, p. 8</t>
  </si>
  <si>
    <t>Price savings - elevated</t>
  </si>
  <si>
    <t>Discount rate</t>
  </si>
  <si>
    <t>Assumptions table</t>
  </si>
  <si>
    <t>Calculations table</t>
  </si>
  <si>
    <t>Figure 2.3 (b) – Assumptions for the sylised frequency of disruption cost benefit analysis for stockpiling PPE</t>
  </si>
  <si>
    <t>PC estimate based on a sampling of PPE wholesale prices.</t>
  </si>
  <si>
    <t>Assumed</t>
  </si>
  <si>
    <t>Figure 2.3 – Benefits and costs of a PPE stockpile at different probabilities of disruption (stylised analysis to illustrate the framework)</t>
  </si>
  <si>
    <t>Assumptions for the sylised frequency of disruption cost benefit analysis for stockpiling PPE</t>
  </si>
  <si>
    <t xml:space="preserve">2.5-10% </t>
  </si>
  <si>
    <t>Best case</t>
  </si>
  <si>
    <t>Base case</t>
  </si>
  <si>
    <t>Worst case</t>
  </si>
  <si>
    <t>Probability</t>
  </si>
  <si>
    <t>Frequency</t>
  </si>
  <si>
    <t>2.5% discount rate</t>
  </si>
  <si>
    <t>5% discount rate</t>
  </si>
  <si>
    <t>7.5% discount rate</t>
  </si>
  <si>
    <t>10% discount rate</t>
  </si>
  <si>
    <r>
      <t>Probability</t>
    </r>
    <r>
      <rPr>
        <b/>
        <vertAlign val="superscript"/>
        <sz val="9"/>
        <color rgb="FF265A9A"/>
        <rFont val="Arial"/>
        <family val="2"/>
        <scheme val="major"/>
      </rPr>
      <t>a</t>
    </r>
  </si>
  <si>
    <r>
      <t>Frequency</t>
    </r>
    <r>
      <rPr>
        <b/>
        <vertAlign val="superscript"/>
        <sz val="9"/>
        <color rgb="FF265A9A"/>
        <rFont val="Arial"/>
        <family val="2"/>
        <scheme val="major"/>
      </rPr>
      <t>b</t>
    </r>
  </si>
  <si>
    <r>
      <t xml:space="preserve">a. </t>
    </r>
    <r>
      <rPr>
        <sz val="9"/>
        <color theme="1"/>
        <rFont val="Arial"/>
        <family val="2"/>
      </rPr>
      <t xml:space="preserve">Probability of event occurring in a given year </t>
    </r>
    <r>
      <rPr>
        <b/>
        <sz val="9"/>
        <color theme="1"/>
        <rFont val="Arial"/>
        <family val="2"/>
      </rPr>
      <t>b.</t>
    </r>
    <r>
      <rPr>
        <sz val="9"/>
        <color theme="1"/>
        <rFont val="Arial"/>
        <family val="2"/>
      </rPr>
      <t xml:space="preserve"> Frequency is how often (in years) an event would need to occur. E.g. ‘83’ means event would need to occur once every 83 years.</t>
    </r>
  </si>
  <si>
    <t>Results table</t>
  </si>
  <si>
    <t xml:space="preserve">5% discount rate is the primary scenario reported based on PBAC Guidelines </t>
  </si>
  <si>
    <t>Domestic production</t>
  </si>
  <si>
    <t>Club goods</t>
  </si>
  <si>
    <t>Units produced</t>
  </si>
  <si>
    <t>Direct cost (subsidy per unit)</t>
  </si>
  <si>
    <t>Indirect costs</t>
  </si>
  <si>
    <t>Capex, Training and relocation cost per unit</t>
  </si>
  <si>
    <t>Intervention begins at year</t>
  </si>
  <si>
    <t>Cost of disruption</t>
  </si>
  <si>
    <t>Speed to capability</t>
  </si>
  <si>
    <t>Factor</t>
  </si>
  <si>
    <t>Country A - MC</t>
  </si>
  <si>
    <t>Country B - MC</t>
  </si>
  <si>
    <t>Country C - MC</t>
  </si>
  <si>
    <t>Raw materials</t>
  </si>
  <si>
    <t>Manufacture</t>
  </si>
  <si>
    <t>Finished product</t>
  </si>
  <si>
    <t>Units purchased/exported</t>
  </si>
  <si>
    <t>Cost</t>
  </si>
  <si>
    <t>Cost of intervention</t>
  </si>
  <si>
    <t>Revised threat level</t>
  </si>
  <si>
    <t>Expected value of disruption</t>
  </si>
  <si>
    <t>One off costs</t>
  </si>
  <si>
    <t>Direct costs</t>
  </si>
  <si>
    <t>Cost of policy and cost of unmitigated disruptions</t>
  </si>
  <si>
    <t>Raw material units diverted</t>
  </si>
  <si>
    <t>Benefit in avoiding disruption</t>
  </si>
  <si>
    <t>Probable</t>
  </si>
  <si>
    <t>Not expected</t>
  </si>
  <si>
    <t>Figure 2.5 - Cumulative costs and benefits for country B of 'club goods' intervention (stylised scenario)</t>
  </si>
  <si>
    <t>Inputs and production costs</t>
  </si>
  <si>
    <t>Source: PC inputs for stylised example.</t>
  </si>
  <si>
    <t>Scenario</t>
  </si>
  <si>
    <t xml:space="preserve">Baseline – do nothing </t>
  </si>
  <si>
    <t>Domestic supply</t>
  </si>
  <si>
    <t xml:space="preserve">‑$1,037,812,186 </t>
  </si>
  <si>
    <t xml:space="preserve">‑$956,020,263 </t>
  </si>
  <si>
    <t xml:space="preserve">Possible </t>
  </si>
  <si>
    <t xml:space="preserve">‑$387,571,438 </t>
  </si>
  <si>
    <t xml:space="preserve">‑$67,542,553 </t>
  </si>
  <si>
    <t xml:space="preserve">‑$1,070,935,156 </t>
  </si>
  <si>
    <t>Net present value to the economy of country B over ten‑year appraisal period of each policy option at varying risk levels (note a)</t>
  </si>
  <si>
    <t>[a] For the baseline case, benefits are the avoided spending on the least costly intervention, while costs are the cumulative expected costs of disruptions over 10 years (calculated as the product of the risk level and the cost of disruption each year). In the intervention case, benefits are the savings from reduced disruption costs compared to the baseline. As production increases and reliance on country A decreases, disruption costs drop eventually reaching zero.</t>
  </si>
  <si>
    <t>Source: PC calculations based on sylised example. Note: the best response in each scenario is bolded.</t>
  </si>
  <si>
    <t>Sector</t>
  </si>
  <si>
    <t>% of emissions</t>
  </si>
  <si>
    <t>Electricity</t>
  </si>
  <si>
    <t>Stationary energy excluding electricity</t>
  </si>
  <si>
    <t>Fugitive emissions</t>
  </si>
  <si>
    <t>Industrial processes and product use</t>
  </si>
  <si>
    <t>Waste</t>
  </si>
  <si>
    <t>LULUCF</t>
  </si>
  <si>
    <t>Transport</t>
  </si>
  <si>
    <r>
      <t>a.</t>
    </r>
    <r>
      <rPr>
        <sz val="9"/>
        <color theme="1"/>
        <rFont val="Arial"/>
        <family val="2"/>
      </rPr>
      <t xml:space="preserve"> ‘Fugitive emissions’ refers primarily to emissions that occur during production, processing, transport, storage and distribution of fossil fuels. While technological interventions may be useful in reducing fugitive emissions, they are also likely to decline concomitantly with decarbonisation of other sectors if demand for fossil fuels decreases (CCA 2024, pp. 119, 121, 128, 134). Interventions targeting fugitive emissions would need to take this relationship into account when determining efficiency. </t>
    </r>
    <r>
      <rPr>
        <b/>
        <sz val="9"/>
        <color theme="1"/>
        <rFont val="Arial"/>
        <family val="2"/>
      </rPr>
      <t xml:space="preserve">b. </t>
    </r>
    <r>
      <rPr>
        <sz val="9"/>
        <color theme="1"/>
        <rFont val="Arial"/>
        <family val="2"/>
      </rPr>
      <t>LULUCF stands for Land Use, Land Use Change and Forestry.</t>
    </r>
  </si>
  <si>
    <t>Costs</t>
  </si>
  <si>
    <t>Benefits</t>
  </si>
  <si>
    <t>Department of Health, Disability and Ageing - Health Workforce Data.</t>
  </si>
  <si>
    <r>
      <rPr>
        <i/>
        <sz val="9"/>
        <color rgb="FF000000"/>
        <rFont val="Arial (Body)"/>
      </rPr>
      <t xml:space="preserve">Advances in measuring healthcare productivity </t>
    </r>
    <r>
      <rPr>
        <sz val="9"/>
        <color rgb="FF000000"/>
        <rFont val="Arial (Body)"/>
      </rPr>
      <t>PC</t>
    </r>
    <r>
      <rPr>
        <i/>
        <sz val="9"/>
        <color rgb="FF000000"/>
        <rFont val="Arial (Body)"/>
      </rPr>
      <t xml:space="preserve"> </t>
    </r>
    <r>
      <rPr>
        <sz val="9"/>
        <color rgb="FF000000"/>
        <rFont val="Arial (Body)"/>
      </rPr>
      <t>(2024 p 38-39) and ABS Wage Price Index dataseries (2024)</t>
    </r>
  </si>
  <si>
    <t>Dow et al (2020)</t>
  </si>
  <si>
    <r>
      <t xml:space="preserve">a. </t>
    </r>
    <r>
      <rPr>
        <sz val="9"/>
        <color theme="1"/>
        <rFont val="Arial"/>
        <family val="2"/>
      </rPr>
      <t>Year one includes initial acquisition costs.</t>
    </r>
  </si>
  <si>
    <t>Culmulative costs (a)</t>
  </si>
  <si>
    <t>Source: PC calculations of a stylised scenario.</t>
  </si>
  <si>
    <t>Frequency of pandemic required</t>
  </si>
  <si>
    <t>Source: DCCEEW (2025b).</t>
  </si>
  <si>
    <t>Figure 1.2 – Since 2010 the number of new trade distorting policies each year has trended upwards globally</t>
  </si>
  <si>
    <r>
      <t xml:space="preserve">Figure 1.1 – </t>
    </r>
    <r>
      <rPr>
        <b/>
        <sz val="10"/>
        <rFont val="Arial"/>
        <family val="2"/>
        <scheme val="major"/>
      </rPr>
      <t>A long-run downward trend in protectionism</t>
    </r>
  </si>
  <si>
    <t>Figure 2.5 – Cumulative costs and benefits for country B of 'club goods' intervention</t>
  </si>
  <si>
    <t>Figure 3.1 – Australia's emissions for the year to June 2024, by sectoral source</t>
  </si>
  <si>
    <r>
      <rPr>
        <sz val="10"/>
        <color rgb="FF000000"/>
        <rFont val="Arial"/>
      </rPr>
      <t xml:space="preserve">This Excel workbook contains data underlying charts in the Productivity Commission's research paper </t>
    </r>
    <r>
      <rPr>
        <i/>
        <sz val="10"/>
        <color rgb="FF000000"/>
        <rFont val="Arial"/>
        <family val="2"/>
      </rPr>
      <t>Guardrails for modern industry policy</t>
    </r>
    <r>
      <rPr>
        <i/>
        <sz val="10"/>
        <color rgb="FF000000"/>
        <rFont val="Arial"/>
      </rPr>
      <t>.</t>
    </r>
    <r>
      <rPr>
        <sz val="10"/>
        <color rgb="FF000000"/>
        <rFont val="Arial"/>
      </rPr>
      <t xml:space="preserve"> </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8">
    <numFmt numFmtId="6" formatCode="&quot;$&quot;#,##0;[Red]\-&quot;$&quot;#,##0"/>
    <numFmt numFmtId="44" formatCode="_-&quot;$&quot;* #,##0.00_-;\-&quot;$&quot;* #,##0.00_-;_-&quot;$&quot;* &quot;-&quot;??_-;_-@_-"/>
    <numFmt numFmtId="43" formatCode="_-* #,##0.00_-;\-* #,##0.00_-;_-* &quot;-&quot;??_-;_-@_-"/>
    <numFmt numFmtId="164" formatCode="0.0%"/>
    <numFmt numFmtId="165" formatCode="_-&quot;$&quot;* #,##0_-;\-&quot;$&quot;* #,##0_-;_-&quot;$&quot;* &quot;-&quot;??_-;_-@_-"/>
    <numFmt numFmtId="166" formatCode="0.0"/>
    <numFmt numFmtId="167" formatCode="_-&quot;$&quot;* #,##0.0_-;\-&quot;$&quot;* #,##0.0_-;_-&quot;$&quot;* &quot;-&quot;??_-;_-@_-"/>
    <numFmt numFmtId="168" formatCode="_-* #,##0_-;\-* #,##0_-;_-* &quot;-&quot;??_-;_-@_-"/>
  </numFmts>
  <fonts count="34">
    <font>
      <sz val="10"/>
      <color theme="1"/>
      <name val="Arial"/>
      <family val="2"/>
    </font>
    <font>
      <sz val="11"/>
      <color theme="1"/>
      <name val="Arial"/>
      <family val="2"/>
      <scheme val="minor"/>
    </font>
    <font>
      <b/>
      <sz val="10"/>
      <color theme="1"/>
      <name val="Arial"/>
      <family val="2"/>
    </font>
    <font>
      <b/>
      <sz val="12"/>
      <color theme="1"/>
      <name val="Arial"/>
      <family val="2"/>
    </font>
    <font>
      <i/>
      <sz val="10"/>
      <color theme="1"/>
      <name val="Arial"/>
      <family val="2"/>
    </font>
    <font>
      <u/>
      <sz val="10"/>
      <color theme="10"/>
      <name val="Arial"/>
      <family val="2"/>
    </font>
    <font>
      <sz val="10"/>
      <color theme="1"/>
      <name val="Arial"/>
      <family val="2"/>
    </font>
    <font>
      <sz val="9"/>
      <color rgb="FF000000"/>
      <name val="Arial (Body)"/>
    </font>
    <font>
      <b/>
      <sz val="9"/>
      <color rgb="FF265A9A"/>
      <name val="Arial (Body)"/>
    </font>
    <font>
      <b/>
      <sz val="9"/>
      <color theme="1"/>
      <name val="Arial"/>
      <family val="2"/>
    </font>
    <font>
      <sz val="10"/>
      <color rgb="FF000000"/>
      <name val="Arial (Body)"/>
    </font>
    <font>
      <sz val="9"/>
      <color theme="1"/>
      <name val="Arial"/>
      <family val="2"/>
    </font>
    <font>
      <sz val="12"/>
      <name val="Arial"/>
      <family val="2"/>
    </font>
    <font>
      <b/>
      <sz val="9"/>
      <color rgb="FF000000"/>
      <name val="Arial"/>
      <family val="2"/>
    </font>
    <font>
      <sz val="10"/>
      <name val="Arial"/>
      <family val="2"/>
    </font>
    <font>
      <sz val="11"/>
      <color theme="1"/>
      <name val="Arial"/>
      <family val="2"/>
    </font>
    <font>
      <b/>
      <sz val="9"/>
      <color rgb="FF265A9A"/>
      <name val="Arial"/>
      <family val="2"/>
      <scheme val="major"/>
    </font>
    <font>
      <b/>
      <vertAlign val="superscript"/>
      <sz val="9"/>
      <color rgb="FF265A9A"/>
      <name val="Arial"/>
      <family val="2"/>
      <scheme val="major"/>
    </font>
    <font>
      <sz val="9"/>
      <color rgb="FF000000"/>
      <name val="Arial"/>
      <family val="2"/>
      <scheme val="major"/>
    </font>
    <font>
      <b/>
      <sz val="9"/>
      <color rgb="FF265A9A"/>
      <name val="Arial"/>
      <family val="2"/>
    </font>
    <font>
      <sz val="9"/>
      <color rgb="FF000000"/>
      <name val="Arial"/>
      <family val="2"/>
    </font>
    <font>
      <b/>
      <sz val="10"/>
      <color rgb="FF265A9A"/>
      <name val="Arial (Body)"/>
    </font>
    <font>
      <sz val="10"/>
      <color theme="1"/>
      <name val="Arial"/>
      <family val="2"/>
      <scheme val="minor"/>
    </font>
    <font>
      <b/>
      <sz val="10"/>
      <color theme="2"/>
      <name val="Arial"/>
      <family val="2"/>
    </font>
    <font>
      <sz val="9"/>
      <color theme="1"/>
      <name val="Arial"/>
      <family val="2"/>
      <scheme val="major"/>
    </font>
    <font>
      <i/>
      <sz val="9"/>
      <color rgb="FF000000"/>
      <name val="Arial (Body)"/>
    </font>
    <font>
      <b/>
      <sz val="10"/>
      <color theme="1"/>
      <name val="Arial"/>
      <family val="2"/>
      <scheme val="major"/>
    </font>
    <font>
      <b/>
      <sz val="10"/>
      <name val="Arial"/>
      <family val="2"/>
      <scheme val="major"/>
    </font>
    <font>
      <sz val="10"/>
      <color rgb="FF000000"/>
      <name val="Arial"/>
    </font>
    <font>
      <i/>
      <sz val="10"/>
      <color rgb="FF000000"/>
      <name val="Arial"/>
    </font>
    <font>
      <sz val="10"/>
      <color rgb="FF000000"/>
      <name val="Arial"/>
      <family val="2"/>
    </font>
    <font>
      <b/>
      <sz val="10"/>
      <color rgb="FF000000"/>
      <name val="Arial"/>
      <family val="2"/>
      <scheme val="major"/>
    </font>
    <font>
      <b/>
      <sz val="10"/>
      <color rgb="FF000000"/>
      <name val="Arial"/>
      <family val="2"/>
    </font>
    <font>
      <i/>
      <sz val="10"/>
      <color rgb="FF000000"/>
      <name val="Arial"/>
      <family val="2"/>
    </font>
  </fonts>
  <fills count="4">
    <fill>
      <patternFill patternType="none"/>
    </fill>
    <fill>
      <patternFill patternType="gray125"/>
    </fill>
    <fill>
      <patternFill patternType="solid">
        <fgColor rgb="FFF2F2F2"/>
        <bgColor indexed="64"/>
      </patternFill>
    </fill>
    <fill>
      <patternFill patternType="solid">
        <fgColor rgb="FFFFFFFF"/>
        <bgColor indexed="64"/>
      </patternFill>
    </fill>
  </fills>
  <borders count="10">
    <border>
      <left/>
      <right/>
      <top/>
      <bottom/>
      <diagonal/>
    </border>
    <border>
      <left/>
      <right/>
      <top/>
      <bottom style="thin">
        <color rgb="FFB3B3B3"/>
      </bottom>
      <diagonal/>
    </border>
    <border>
      <left/>
      <right/>
      <top/>
      <bottom style="thin">
        <color indexed="64"/>
      </bottom>
      <diagonal/>
    </border>
    <border>
      <left/>
      <right style="thin">
        <color indexed="64"/>
      </right>
      <top/>
      <bottom style="thin">
        <color indexed="64"/>
      </bottom>
      <diagonal/>
    </border>
    <border>
      <left style="thin">
        <color indexed="64"/>
      </left>
      <right/>
      <top/>
      <bottom/>
      <diagonal/>
    </border>
    <border>
      <left style="thin">
        <color indexed="64"/>
      </left>
      <right/>
      <top/>
      <bottom style="thin">
        <color rgb="FFB3B3B3"/>
      </bottom>
      <diagonal/>
    </border>
    <border>
      <left/>
      <right/>
      <top/>
      <bottom style="medium">
        <color rgb="FFB3B3B3"/>
      </bottom>
      <diagonal/>
    </border>
    <border>
      <left/>
      <right/>
      <top style="medium">
        <color rgb="FFB3B3B3"/>
      </top>
      <bottom style="medium">
        <color rgb="FFB3B3B3"/>
      </bottom>
      <diagonal/>
    </border>
    <border>
      <left/>
      <right/>
      <top style="medium">
        <color rgb="FFB3B3B3"/>
      </top>
      <bottom/>
      <diagonal/>
    </border>
    <border>
      <left/>
      <right/>
      <top style="thin">
        <color rgb="FFB3B3B3"/>
      </top>
      <bottom/>
      <diagonal/>
    </border>
  </borders>
  <cellStyleXfs count="9">
    <xf numFmtId="0" fontId="0" fillId="0" borderId="0"/>
    <xf numFmtId="0" fontId="5" fillId="0" borderId="0" applyNumberFormat="0" applyFill="0" applyBorder="0" applyAlignment="0" applyProtection="0"/>
    <xf numFmtId="9" fontId="6" fillId="0" borderId="0" applyFont="0" applyFill="0" applyBorder="0" applyAlignment="0" applyProtection="0"/>
    <xf numFmtId="44" fontId="6" fillId="0" borderId="0" applyFont="0" applyFill="0" applyBorder="0" applyAlignment="0" applyProtection="0"/>
    <xf numFmtId="43" fontId="6" fillId="0" borderId="0" applyFont="0" applyFill="0" applyBorder="0" applyAlignment="0" applyProtection="0"/>
    <xf numFmtId="0" fontId="14" fillId="0" borderId="0"/>
    <xf numFmtId="0" fontId="1" fillId="0" borderId="0"/>
    <xf numFmtId="44" fontId="6" fillId="0" borderId="0" applyFont="0" applyFill="0" applyBorder="0" applyAlignment="0" applyProtection="0"/>
    <xf numFmtId="43" fontId="6" fillId="0" borderId="0" applyFont="0" applyFill="0" applyBorder="0" applyAlignment="0" applyProtection="0"/>
  </cellStyleXfs>
  <cellXfs count="108">
    <xf numFmtId="0" fontId="0" fillId="0" borderId="0" xfId="0"/>
    <xf numFmtId="0" fontId="2" fillId="0" borderId="0" xfId="0" applyFont="1"/>
    <xf numFmtId="0" fontId="3" fillId="0" borderId="0" xfId="0" applyFont="1"/>
    <xf numFmtId="0" fontId="8" fillId="2" borderId="1" xfId="0" applyFont="1" applyFill="1" applyBorder="1" applyAlignment="1">
      <alignment horizontal="left" vertical="top"/>
    </xf>
    <xf numFmtId="0" fontId="7" fillId="2" borderId="1" xfId="0" applyFont="1" applyFill="1" applyBorder="1" applyAlignment="1">
      <alignment horizontal="left" vertical="top"/>
    </xf>
    <xf numFmtId="0" fontId="5" fillId="0" borderId="0" xfId="1"/>
    <xf numFmtId="0" fontId="5" fillId="0" borderId="0" xfId="1" applyFill="1"/>
    <xf numFmtId="165" fontId="7" fillId="0" borderId="0" xfId="3" applyNumberFormat="1" applyFont="1" applyFill="1" applyBorder="1" applyAlignment="1">
      <alignment horizontal="left" vertical="top"/>
    </xf>
    <xf numFmtId="165" fontId="7" fillId="2" borderId="0" xfId="3" applyNumberFormat="1" applyFont="1" applyFill="1" applyBorder="1" applyAlignment="1">
      <alignment horizontal="left" vertical="top"/>
    </xf>
    <xf numFmtId="0" fontId="9" fillId="0" borderId="0" xfId="0" applyFont="1" applyAlignment="1">
      <alignment vertical="center"/>
    </xf>
    <xf numFmtId="0" fontId="7" fillId="0" borderId="0" xfId="0" applyFont="1" applyAlignment="1">
      <alignment horizontal="left" vertical="top"/>
    </xf>
    <xf numFmtId="0" fontId="7" fillId="0" borderId="1" xfId="0" applyFont="1" applyBorder="1" applyAlignment="1">
      <alignment horizontal="left" vertical="top"/>
    </xf>
    <xf numFmtId="0" fontId="8" fillId="0" borderId="0" xfId="0" applyFont="1" applyAlignment="1">
      <alignment horizontal="left" vertical="top"/>
    </xf>
    <xf numFmtId="0" fontId="8" fillId="0" borderId="1" xfId="0" applyFont="1" applyBorder="1" applyAlignment="1">
      <alignment horizontal="left" vertical="top"/>
    </xf>
    <xf numFmtId="0" fontId="8" fillId="2" borderId="0" xfId="0" applyFont="1" applyFill="1" applyAlignment="1">
      <alignment horizontal="left" vertical="top"/>
    </xf>
    <xf numFmtId="0" fontId="7" fillId="2" borderId="0" xfId="0" applyFont="1" applyFill="1" applyAlignment="1">
      <alignment horizontal="left" vertical="top"/>
    </xf>
    <xf numFmtId="0" fontId="8" fillId="0" borderId="1" xfId="0" applyFont="1" applyBorder="1" applyAlignment="1">
      <alignment horizontal="left"/>
    </xf>
    <xf numFmtId="0" fontId="11" fillId="0" borderId="0" xfId="0" applyFont="1" applyAlignment="1">
      <alignment vertical="center"/>
    </xf>
    <xf numFmtId="0" fontId="12" fillId="0" borderId="0" xfId="0" applyFont="1" applyAlignment="1">
      <alignment vertical="center"/>
    </xf>
    <xf numFmtId="0" fontId="6" fillId="0" borderId="0" xfId="6" applyFont="1"/>
    <xf numFmtId="0" fontId="15" fillId="0" borderId="0" xfId="6" applyFont="1"/>
    <xf numFmtId="0" fontId="0" fillId="0" borderId="0" xfId="6" applyFont="1" applyAlignment="1">
      <alignment vertical="center"/>
    </xf>
    <xf numFmtId="44" fontId="7" fillId="2" borderId="0" xfId="3" applyFont="1" applyFill="1" applyBorder="1" applyAlignment="1">
      <alignment horizontal="left" vertical="top"/>
    </xf>
    <xf numFmtId="44" fontId="7" fillId="0" borderId="0" xfId="3" applyFont="1" applyFill="1" applyBorder="1" applyAlignment="1">
      <alignment horizontal="left" vertical="top"/>
    </xf>
    <xf numFmtId="44" fontId="7" fillId="0" borderId="1" xfId="3" applyFont="1" applyFill="1" applyBorder="1" applyAlignment="1">
      <alignment horizontal="left" vertical="top"/>
    </xf>
    <xf numFmtId="167" fontId="7" fillId="0" borderId="0" xfId="3" applyNumberFormat="1" applyFont="1" applyFill="1" applyBorder="1" applyAlignment="1">
      <alignment horizontal="left" vertical="top"/>
    </xf>
    <xf numFmtId="165" fontId="7" fillId="0" borderId="1" xfId="3" applyNumberFormat="1" applyFont="1" applyFill="1" applyBorder="1" applyAlignment="1">
      <alignment horizontal="left" vertical="top"/>
    </xf>
    <xf numFmtId="9" fontId="7" fillId="2" borderId="0" xfId="2" applyFont="1" applyFill="1" applyBorder="1" applyAlignment="1">
      <alignment horizontal="left" vertical="top"/>
    </xf>
    <xf numFmtId="9" fontId="7" fillId="0" borderId="0" xfId="2" applyFont="1" applyFill="1" applyBorder="1" applyAlignment="1">
      <alignment horizontal="left" vertical="top"/>
    </xf>
    <xf numFmtId="164" fontId="7" fillId="0" borderId="1" xfId="2" applyNumberFormat="1" applyFont="1" applyFill="1" applyBorder="1" applyAlignment="1">
      <alignment horizontal="left" vertical="top"/>
    </xf>
    <xf numFmtId="168" fontId="7" fillId="0" borderId="0" xfId="4" applyNumberFormat="1" applyFont="1" applyFill="1" applyBorder="1" applyAlignment="1">
      <alignment horizontal="left" vertical="top"/>
    </xf>
    <xf numFmtId="0" fontId="18" fillId="2" borderId="0" xfId="0" applyFont="1" applyFill="1" applyAlignment="1">
      <alignment vertical="center" wrapText="1"/>
    </xf>
    <xf numFmtId="0" fontId="18" fillId="3" borderId="0" xfId="0" applyFont="1" applyFill="1" applyAlignment="1">
      <alignment vertical="center" wrapText="1"/>
    </xf>
    <xf numFmtId="0" fontId="18" fillId="2" borderId="6" xfId="0" applyFont="1" applyFill="1" applyBorder="1" applyAlignment="1">
      <alignment vertical="center" wrapText="1"/>
    </xf>
    <xf numFmtId="6" fontId="7" fillId="0" borderId="0" xfId="0" applyNumberFormat="1" applyFont="1" applyAlignment="1">
      <alignment horizontal="left" vertical="top"/>
    </xf>
    <xf numFmtId="6" fontId="7" fillId="2" borderId="0" xfId="0" applyNumberFormat="1" applyFont="1" applyFill="1" applyAlignment="1">
      <alignment horizontal="left" vertical="top"/>
    </xf>
    <xf numFmtId="168" fontId="7" fillId="2" borderId="0" xfId="4" applyNumberFormat="1" applyFont="1" applyFill="1" applyBorder="1" applyAlignment="1">
      <alignment horizontal="left" vertical="top"/>
    </xf>
    <xf numFmtId="165" fontId="7" fillId="2" borderId="1" xfId="3" applyNumberFormat="1" applyFont="1" applyFill="1" applyBorder="1" applyAlignment="1">
      <alignment horizontal="left" vertical="top"/>
    </xf>
    <xf numFmtId="164" fontId="7" fillId="0" borderId="0" xfId="2" applyNumberFormat="1" applyFont="1" applyFill="1" applyBorder="1" applyAlignment="1">
      <alignment horizontal="left" vertical="top"/>
    </xf>
    <xf numFmtId="164" fontId="7" fillId="2" borderId="0" xfId="2" applyNumberFormat="1" applyFont="1" applyFill="1" applyBorder="1" applyAlignment="1">
      <alignment horizontal="left" vertical="top"/>
    </xf>
    <xf numFmtId="165" fontId="7" fillId="2" borderId="0" xfId="0" applyNumberFormat="1" applyFont="1" applyFill="1" applyAlignment="1">
      <alignment horizontal="left" vertical="top"/>
    </xf>
    <xf numFmtId="165" fontId="7" fillId="0" borderId="0" xfId="0" applyNumberFormat="1" applyFont="1" applyAlignment="1">
      <alignment horizontal="left" vertical="top"/>
    </xf>
    <xf numFmtId="165" fontId="7" fillId="0" borderId="1" xfId="0" applyNumberFormat="1" applyFont="1" applyBorder="1" applyAlignment="1">
      <alignment horizontal="left" vertical="top"/>
    </xf>
    <xf numFmtId="0" fontId="16" fillId="2" borderId="6" xfId="0" applyFont="1" applyFill="1" applyBorder="1" applyAlignment="1">
      <alignment vertical="center"/>
    </xf>
    <xf numFmtId="0" fontId="16" fillId="2" borderId="6" xfId="0" applyFont="1" applyFill="1" applyBorder="1" applyAlignment="1">
      <alignment vertical="center" wrapText="1"/>
    </xf>
    <xf numFmtId="0" fontId="18" fillId="3" borderId="0" xfId="0" applyFont="1" applyFill="1" applyAlignment="1">
      <alignment vertical="center"/>
    </xf>
    <xf numFmtId="10" fontId="18" fillId="3" borderId="0" xfId="0" applyNumberFormat="1" applyFont="1" applyFill="1" applyAlignment="1">
      <alignment vertical="center"/>
    </xf>
    <xf numFmtId="0" fontId="18" fillId="2" borderId="0" xfId="0" applyFont="1" applyFill="1" applyAlignment="1">
      <alignment vertical="center"/>
    </xf>
    <xf numFmtId="10" fontId="18" fillId="2" borderId="0" xfId="0" applyNumberFormat="1" applyFont="1" applyFill="1" applyAlignment="1">
      <alignment vertical="center"/>
    </xf>
    <xf numFmtId="0" fontId="18" fillId="2" borderId="6" xfId="0" applyFont="1" applyFill="1" applyBorder="1" applyAlignment="1">
      <alignment vertical="center"/>
    </xf>
    <xf numFmtId="10" fontId="18" fillId="2" borderId="6" xfId="0" applyNumberFormat="1" applyFont="1" applyFill="1" applyBorder="1" applyAlignment="1">
      <alignment vertical="center"/>
    </xf>
    <xf numFmtId="0" fontId="8" fillId="0" borderId="1" xfId="0" applyFont="1" applyBorder="1" applyAlignment="1">
      <alignment horizontal="left" wrapText="1"/>
    </xf>
    <xf numFmtId="0" fontId="19" fillId="0" borderId="6" xfId="0" applyFont="1" applyBorder="1" applyAlignment="1">
      <alignment vertical="center"/>
    </xf>
    <xf numFmtId="0" fontId="19" fillId="0" borderId="6" xfId="0" applyFont="1" applyBorder="1" applyAlignment="1">
      <alignment horizontal="right" vertical="center"/>
    </xf>
    <xf numFmtId="0" fontId="19" fillId="2" borderId="0" xfId="0" applyFont="1" applyFill="1" applyAlignment="1">
      <alignment vertical="center"/>
    </xf>
    <xf numFmtId="6" fontId="13" fillId="2" borderId="0" xfId="0" applyNumberFormat="1" applyFont="1" applyFill="1" applyAlignment="1">
      <alignment horizontal="right" vertical="center"/>
    </xf>
    <xf numFmtId="0" fontId="20" fillId="2" borderId="0" xfId="0" applyFont="1" applyFill="1" applyAlignment="1">
      <alignment horizontal="right" vertical="center"/>
    </xf>
    <xf numFmtId="0" fontId="19" fillId="0" borderId="0" xfId="0" applyFont="1" applyAlignment="1">
      <alignment vertical="center"/>
    </xf>
    <xf numFmtId="6" fontId="13" fillId="0" borderId="0" xfId="0" applyNumberFormat="1" applyFont="1" applyAlignment="1">
      <alignment horizontal="right" vertical="center"/>
    </xf>
    <xf numFmtId="0" fontId="20" fillId="0" borderId="0" xfId="0" applyFont="1" applyAlignment="1">
      <alignment horizontal="right" vertical="center"/>
    </xf>
    <xf numFmtId="6" fontId="20" fillId="2" borderId="0" xfId="0" applyNumberFormat="1" applyFont="1" applyFill="1" applyAlignment="1">
      <alignment horizontal="right" vertical="center"/>
    </xf>
    <xf numFmtId="0" fontId="21" fillId="0" borderId="1" xfId="0" applyFont="1" applyBorder="1" applyAlignment="1">
      <alignment horizontal="left"/>
    </xf>
    <xf numFmtId="0" fontId="21" fillId="2" borderId="0" xfId="0" applyFont="1" applyFill="1" applyAlignment="1">
      <alignment horizontal="left" vertical="top"/>
    </xf>
    <xf numFmtId="166" fontId="10" fillId="2" borderId="0" xfId="0" applyNumberFormat="1" applyFont="1" applyFill="1" applyAlignment="1">
      <alignment horizontal="left" vertical="top"/>
    </xf>
    <xf numFmtId="166" fontId="10" fillId="2" borderId="4" xfId="0" applyNumberFormat="1" applyFont="1" applyFill="1" applyBorder="1" applyAlignment="1">
      <alignment horizontal="left" vertical="top"/>
    </xf>
    <xf numFmtId="0" fontId="10" fillId="2" borderId="0" xfId="0" applyFont="1" applyFill="1" applyAlignment="1">
      <alignment horizontal="left" vertical="top"/>
    </xf>
    <xf numFmtId="0" fontId="21" fillId="0" borderId="0" xfId="0" applyFont="1" applyAlignment="1">
      <alignment horizontal="left" vertical="top"/>
    </xf>
    <xf numFmtId="166" fontId="10" fillId="0" borderId="0" xfId="0" applyNumberFormat="1" applyFont="1" applyAlignment="1">
      <alignment horizontal="left" vertical="top"/>
    </xf>
    <xf numFmtId="166" fontId="10" fillId="0" borderId="4" xfId="0" applyNumberFormat="1" applyFont="1" applyBorder="1" applyAlignment="1">
      <alignment horizontal="left" vertical="top"/>
    </xf>
    <xf numFmtId="0" fontId="10" fillId="0" borderId="0" xfId="0" applyFont="1" applyAlignment="1">
      <alignment horizontal="left" vertical="top"/>
    </xf>
    <xf numFmtId="0" fontId="10" fillId="0" borderId="4" xfId="0" applyFont="1" applyBorder="1" applyAlignment="1">
      <alignment horizontal="left" vertical="top"/>
    </xf>
    <xf numFmtId="0" fontId="10" fillId="2" borderId="4" xfId="0" applyFont="1" applyFill="1" applyBorder="1" applyAlignment="1">
      <alignment horizontal="left" vertical="top"/>
    </xf>
    <xf numFmtId="0" fontId="21" fillId="2" borderId="1" xfId="0" applyFont="1" applyFill="1" applyBorder="1" applyAlignment="1">
      <alignment horizontal="left" vertical="top"/>
    </xf>
    <xf numFmtId="0" fontId="10" fillId="2" borderId="1" xfId="0" applyFont="1" applyFill="1" applyBorder="1" applyAlignment="1">
      <alignment horizontal="left" vertical="top"/>
    </xf>
    <xf numFmtId="166" fontId="10" fillId="2" borderId="1" xfId="0" applyNumberFormat="1" applyFont="1" applyFill="1" applyBorder="1" applyAlignment="1">
      <alignment horizontal="left" vertical="top"/>
    </xf>
    <xf numFmtId="0" fontId="10" fillId="2" borderId="5" xfId="0" applyFont="1" applyFill="1" applyBorder="1" applyAlignment="1">
      <alignment horizontal="left" vertical="top"/>
    </xf>
    <xf numFmtId="0" fontId="22" fillId="0" borderId="0" xfId="0" applyFont="1"/>
    <xf numFmtId="10" fontId="7" fillId="0" borderId="0" xfId="0" applyNumberFormat="1" applyFont="1" applyAlignment="1">
      <alignment horizontal="left" vertical="top"/>
    </xf>
    <xf numFmtId="10" fontId="7" fillId="0" borderId="1" xfId="0" applyNumberFormat="1" applyFont="1" applyBorder="1" applyAlignment="1">
      <alignment horizontal="left" vertical="top"/>
    </xf>
    <xf numFmtId="10" fontId="7" fillId="2" borderId="0" xfId="0" applyNumberFormat="1" applyFont="1" applyFill="1" applyAlignment="1">
      <alignment horizontal="left" vertical="top"/>
    </xf>
    <xf numFmtId="0" fontId="24" fillId="0" borderId="6" xfId="0" applyFont="1" applyBorder="1"/>
    <xf numFmtId="166" fontId="10" fillId="2" borderId="9" xfId="0" applyNumberFormat="1" applyFont="1" applyFill="1" applyBorder="1" applyAlignment="1">
      <alignment horizontal="left" vertical="top"/>
    </xf>
    <xf numFmtId="0" fontId="26" fillId="0" borderId="0" xfId="0" applyFont="1"/>
    <xf numFmtId="0" fontId="30" fillId="0" borderId="0" xfId="0" applyFont="1"/>
    <xf numFmtId="0" fontId="31" fillId="0" borderId="0" xfId="0" applyFont="1" applyAlignment="1">
      <alignment vertical="center"/>
    </xf>
    <xf numFmtId="0" fontId="32" fillId="0" borderId="0" xfId="0" applyFont="1" applyAlignment="1">
      <alignment vertical="center"/>
    </xf>
    <xf numFmtId="0" fontId="0" fillId="0" borderId="0" xfId="0" applyAlignment="1">
      <alignment horizontal="left" vertical="center" wrapText="1"/>
    </xf>
    <xf numFmtId="0" fontId="21" fillId="0" borderId="1" xfId="0" applyFont="1" applyBorder="1" applyAlignment="1">
      <alignment horizontal="center"/>
    </xf>
    <xf numFmtId="0" fontId="21" fillId="0" borderId="5" xfId="0" applyFont="1" applyBorder="1" applyAlignment="1">
      <alignment horizontal="center"/>
    </xf>
    <xf numFmtId="0" fontId="23" fillId="0" borderId="2" xfId="0" applyFont="1" applyBorder="1" applyAlignment="1">
      <alignment horizontal="center"/>
    </xf>
    <xf numFmtId="0" fontId="23" fillId="0" borderId="3" xfId="0" applyFont="1" applyBorder="1" applyAlignment="1">
      <alignment horizontal="center"/>
    </xf>
    <xf numFmtId="0" fontId="8" fillId="0" borderId="0" xfId="0" applyFont="1" applyAlignment="1">
      <alignment horizontal="center"/>
    </xf>
    <xf numFmtId="0" fontId="8" fillId="0" borderId="1" xfId="0" applyFont="1" applyBorder="1" applyAlignment="1">
      <alignment horizontal="center"/>
    </xf>
    <xf numFmtId="0" fontId="8" fillId="0" borderId="0" xfId="0" applyFont="1" applyAlignment="1">
      <alignment horizontal="center" wrapText="1"/>
    </xf>
    <xf numFmtId="0" fontId="8" fillId="0" borderId="1" xfId="0" applyFont="1" applyBorder="1" applyAlignment="1">
      <alignment horizontal="center" wrapText="1"/>
    </xf>
    <xf numFmtId="0" fontId="18" fillId="2" borderId="6" xfId="0" applyFont="1" applyFill="1" applyBorder="1" applyAlignment="1">
      <alignment vertical="center" wrapText="1"/>
    </xf>
    <xf numFmtId="0" fontId="16" fillId="0" borderId="6" xfId="0" applyFont="1" applyBorder="1" applyAlignment="1">
      <alignment horizontal="center" vertical="center"/>
    </xf>
    <xf numFmtId="0" fontId="16" fillId="2" borderId="7" xfId="0" applyFont="1" applyFill="1" applyBorder="1" applyAlignment="1">
      <alignment vertical="center" wrapText="1"/>
    </xf>
    <xf numFmtId="0" fontId="18" fillId="3" borderId="8" xfId="0" applyFont="1" applyFill="1" applyBorder="1" applyAlignment="1">
      <alignment vertical="center" wrapText="1"/>
    </xf>
    <xf numFmtId="0" fontId="7" fillId="2" borderId="0" xfId="0" applyFont="1" applyFill="1" applyAlignment="1">
      <alignment horizontal="left" vertical="top"/>
    </xf>
    <xf numFmtId="0" fontId="18" fillId="2" borderId="0" xfId="0" applyFont="1" applyFill="1" applyAlignment="1">
      <alignment vertical="center" wrapText="1"/>
    </xf>
    <xf numFmtId="0" fontId="18" fillId="3" borderId="0" xfId="0" applyFont="1" applyFill="1" applyAlignment="1">
      <alignment vertical="center" wrapText="1"/>
    </xf>
    <xf numFmtId="0" fontId="7" fillId="0" borderId="0" xfId="0" applyFont="1" applyAlignment="1">
      <alignment horizontal="left" vertical="top" wrapText="1"/>
    </xf>
    <xf numFmtId="0" fontId="7" fillId="0" borderId="0" xfId="0" applyFont="1" applyAlignment="1">
      <alignment horizontal="left" vertical="top"/>
    </xf>
    <xf numFmtId="0" fontId="7" fillId="0" borderId="1" xfId="0" applyFont="1" applyBorder="1" applyAlignment="1">
      <alignment horizontal="left" vertical="top"/>
    </xf>
    <xf numFmtId="0" fontId="8" fillId="0" borderId="1" xfId="0" applyFont="1" applyBorder="1" applyAlignment="1">
      <alignment horizontal="left"/>
    </xf>
    <xf numFmtId="0" fontId="0" fillId="0" borderId="0" xfId="0" applyAlignment="1">
      <alignment wrapText="1"/>
    </xf>
    <xf numFmtId="0" fontId="9" fillId="0" borderId="0" xfId="0" applyFont="1" applyAlignment="1">
      <alignment horizontal="left" vertical="center" wrapText="1"/>
    </xf>
  </cellXfs>
  <cellStyles count="9">
    <cellStyle name="Comma" xfId="4" builtinId="3"/>
    <cellStyle name="Comma 2" xfId="8" xr:uid="{C601B259-081A-4150-AF6E-CAF7B7497178}"/>
    <cellStyle name="Currency" xfId="3" builtinId="4"/>
    <cellStyle name="Currency 2" xfId="7" xr:uid="{30731001-C861-4397-85B5-4F88BFB6EE47}"/>
    <cellStyle name="Hyperlink" xfId="1" builtinId="8"/>
    <cellStyle name="Normal" xfId="0" builtinId="0"/>
    <cellStyle name="Normal 2" xfId="5" xr:uid="{59F80EE5-8CD8-46A1-A7D1-9073943309E4}"/>
    <cellStyle name="Normal 4 3" xfId="6" xr:uid="{96FA9549-7AF9-4D0D-B4BA-85F5C3152890}"/>
    <cellStyle name="Percent" xfId="2" builtinId="5"/>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customXml" Target="../customXml/item1.xml"/><Relationship Id="rId18" Type="http://schemas.openxmlformats.org/officeDocument/2006/relationships/customXml" Target="../customXml/item6.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haredStrings" Target="sharedStrings.xml"/><Relationship Id="rId17" Type="http://schemas.openxmlformats.org/officeDocument/2006/relationships/customXml" Target="../customXml/item5.xml"/><Relationship Id="rId2" Type="http://schemas.openxmlformats.org/officeDocument/2006/relationships/worksheet" Target="worksheets/sheet2.xml"/><Relationship Id="rId16"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tyles" Target="styles.xml"/><Relationship Id="rId5" Type="http://schemas.openxmlformats.org/officeDocument/2006/relationships/worksheet" Target="worksheets/sheet5.xml"/><Relationship Id="rId15" Type="http://schemas.openxmlformats.org/officeDocument/2006/relationships/customXml" Target="../customXml/item3.xml"/><Relationship Id="rId10" Type="http://schemas.openxmlformats.org/officeDocument/2006/relationships/theme" Target="theme/theme1.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customXml" Target="../customXml/item2.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xdr:from>
      <xdr:col>0</xdr:col>
      <xdr:colOff>104775</xdr:colOff>
      <xdr:row>0</xdr:row>
      <xdr:rowOff>161925</xdr:rowOff>
    </xdr:from>
    <xdr:to>
      <xdr:col>2</xdr:col>
      <xdr:colOff>397386</xdr:colOff>
      <xdr:row>0</xdr:row>
      <xdr:rowOff>527686</xdr:rowOff>
    </xdr:to>
    <xdr:pic>
      <xdr:nvPicPr>
        <xdr:cNvPr id="4" name="Picture 3" descr="Australian Government Productivity Commssion logo">
          <a:extLst>
            <a:ext uri="{FF2B5EF4-FFF2-40B4-BE49-F238E27FC236}">
              <a16:creationId xmlns:a16="http://schemas.microsoft.com/office/drawing/2014/main" id="{F61E1EB3-77B5-46D9-B219-2DC349D2A184}"/>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104775" y="161925"/>
          <a:ext cx="1511811" cy="365761"/>
        </a:xfrm>
        <a:prstGeom prst="rect">
          <a:avLst/>
        </a:prstGeom>
      </xdr:spPr>
    </xdr:pic>
    <xdr:clientData/>
  </xdr:twoCellAnchor>
</xdr:wsDr>
</file>

<file path=xl/theme/theme1.xml><?xml version="1.0" encoding="utf-8"?>
<a:theme xmlns:a="http://schemas.openxmlformats.org/drawingml/2006/main" name="ProdCommTheme-new">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tabColor theme="2"/>
  </sheetPr>
  <dimension ref="A1:D8"/>
  <sheetViews>
    <sheetView showGridLines="0" workbookViewId="0"/>
  </sheetViews>
  <sheetFormatPr defaultColWidth="9.1796875" defaultRowHeight="12.5"/>
  <sheetData>
    <row r="1" spans="1:4" ht="54.75" customHeight="1"/>
    <row r="2" spans="1:4" ht="15.5">
      <c r="A2" s="2" t="s">
        <v>0</v>
      </c>
    </row>
    <row r="3" spans="1:4" ht="15.5">
      <c r="A3" s="2"/>
    </row>
    <row r="4" spans="1:4" ht="13">
      <c r="A4" s="83" t="s">
        <v>208</v>
      </c>
    </row>
    <row r="6" spans="1:4" ht="13">
      <c r="A6" t="s">
        <v>1</v>
      </c>
    </row>
    <row r="8" spans="1:4">
      <c r="D8" s="6"/>
    </row>
  </sheetData>
  <pageMargins left="0.7" right="0.7" top="0.75" bottom="0.75" header="0.3" footer="0.3"/>
  <pageSetup paperSize="9" orientation="portrait" r:id="rId1"/>
  <headerFooter>
    <oddHeader>&amp;C&amp;"Calibri"&amp;12&amp;K000000  OFFICIAL&amp;1#_x000D_</oddHeader>
  </headerFooter>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03277C-7EA0-4C9D-B7FB-0186E4D75225}">
  <sheetPr>
    <tabColor theme="2" tint="0.79998168889431442"/>
  </sheetPr>
  <dimension ref="A1:B13"/>
  <sheetViews>
    <sheetView showGridLines="0" tabSelected="1" workbookViewId="0"/>
  </sheetViews>
  <sheetFormatPr defaultRowHeight="12.5"/>
  <cols>
    <col min="1" max="1" width="15.81640625" customWidth="1"/>
  </cols>
  <sheetData>
    <row r="1" spans="1:2" ht="15.5">
      <c r="A1" s="2" t="s">
        <v>2</v>
      </c>
    </row>
    <row r="3" spans="1:2" ht="13">
      <c r="A3" s="1" t="s">
        <v>3</v>
      </c>
      <c r="B3" s="1" t="s">
        <v>4</v>
      </c>
    </row>
    <row r="4" spans="1:2">
      <c r="A4" s="5" t="s">
        <v>25</v>
      </c>
      <c r="B4" t="s">
        <v>26</v>
      </c>
    </row>
    <row r="5" spans="1:2">
      <c r="A5" s="5" t="s">
        <v>27</v>
      </c>
      <c r="B5" t="s">
        <v>28</v>
      </c>
    </row>
    <row r="6" spans="1:2">
      <c r="A6" s="5" t="s">
        <v>29</v>
      </c>
      <c r="B6" t="s">
        <v>30</v>
      </c>
    </row>
    <row r="7" spans="1:2">
      <c r="A7" s="5" t="s">
        <v>35</v>
      </c>
      <c r="B7" t="s">
        <v>125</v>
      </c>
    </row>
    <row r="8" spans="1:2">
      <c r="A8" s="5" t="s">
        <v>31</v>
      </c>
      <c r="B8" t="s">
        <v>32</v>
      </c>
    </row>
    <row r="9" spans="1:2">
      <c r="A9" s="5" t="s">
        <v>36</v>
      </c>
      <c r="B9" t="s">
        <v>37</v>
      </c>
    </row>
    <row r="10" spans="1:2">
      <c r="A10" s="5" t="s">
        <v>33</v>
      </c>
      <c r="B10" t="s">
        <v>34</v>
      </c>
    </row>
    <row r="13" spans="1:2" ht="13">
      <c r="A13" s="1"/>
      <c r="B13" s="1"/>
    </row>
  </sheetData>
  <hyperlinks>
    <hyperlink ref="A5" location="'Figure 1.2'!A1" display="Figure 1.2" xr:uid="{03E4D889-76F3-495A-BDEA-D5AC190259E9}"/>
    <hyperlink ref="A4" location="'Figure 1.1'!A1" display="Figure 1.1" xr:uid="{766BDB49-EC28-4609-9CF7-296DD51F717F}"/>
    <hyperlink ref="A6" location="'Figure 2.3'!A1" display="Figure 2.3" xr:uid="{A7D42499-A4A9-4A0E-8D0B-B3FB8E16F239}"/>
    <hyperlink ref="A8" location="'Figure 2.5'!A1" display="Figure 2.5" xr:uid="{99675F93-1052-4A22-8665-B4C3FBA7586D}"/>
    <hyperlink ref="A10" location="'Figure 3.1'!A1" display="Figure 3.1" xr:uid="{29BB8A91-A13F-45C2-80F8-25906650312D}"/>
    <hyperlink ref="A9" location="'Figure 2.5 (b)'!A1" display="Figure 2.5 (b)" xr:uid="{754A8F50-AE8C-436E-94CE-D8E8DF246F34}"/>
    <hyperlink ref="A7" location="'Figure 2.3 (b)'!A1" display="Figure 2.3 (b)" xr:uid="{90F1662A-173D-4FED-960B-E5F666CE491A}"/>
  </hyperlinks>
  <pageMargins left="0.7" right="0.7" top="0.75" bottom="0.75" header="0.3" footer="0.3"/>
  <pageSetup paperSize="9" orientation="portrait" r:id="rId1"/>
  <headerFooter>
    <oddHeader>&amp;C&amp;"Calibri"&amp;12&amp;K000000  OFFICIAL&amp;1#_x000D_</oddHead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V57"/>
  <sheetViews>
    <sheetView showGridLines="0" workbookViewId="0"/>
  </sheetViews>
  <sheetFormatPr defaultRowHeight="12.5"/>
  <cols>
    <col min="1" max="1" width="10.36328125" customWidth="1"/>
    <col min="12" max="12" width="8.81640625" customWidth="1"/>
    <col min="13" max="13" width="1.90625" customWidth="1"/>
  </cols>
  <sheetData>
    <row r="1" spans="1:22" s="1" customFormat="1" ht="18" customHeight="1">
      <c r="A1" s="82" t="s">
        <v>205</v>
      </c>
    </row>
    <row r="2" spans="1:22" ht="16.5" customHeight="1">
      <c r="A2" s="76" t="s">
        <v>54</v>
      </c>
    </row>
    <row r="3" spans="1:22" ht="17.5" customHeight="1">
      <c r="A3" s="18"/>
    </row>
    <row r="4" spans="1:22" ht="17.899999999999999" customHeight="1">
      <c r="A4" s="61" t="s">
        <v>5</v>
      </c>
      <c r="B4" s="87" t="s">
        <v>43</v>
      </c>
      <c r="C4" s="87"/>
      <c r="D4" s="87"/>
      <c r="E4" s="87"/>
      <c r="F4" s="87"/>
      <c r="G4" s="87"/>
      <c r="H4" s="87"/>
      <c r="I4" s="87"/>
      <c r="J4" s="87"/>
      <c r="K4" s="87"/>
      <c r="L4" s="87"/>
      <c r="M4" s="88" t="s">
        <v>44</v>
      </c>
      <c r="N4" s="87"/>
      <c r="O4" s="87"/>
      <c r="P4" s="87"/>
      <c r="Q4" s="87"/>
      <c r="R4" s="87"/>
      <c r="S4" s="87"/>
      <c r="T4" s="87"/>
      <c r="U4" s="87"/>
      <c r="V4" s="87"/>
    </row>
    <row r="5" spans="1:22" ht="17.899999999999999" customHeight="1">
      <c r="A5" s="62" t="s">
        <v>45</v>
      </c>
      <c r="B5" s="63">
        <v>34.9</v>
      </c>
      <c r="C5" s="63"/>
      <c r="D5" s="63"/>
      <c r="E5" s="63"/>
      <c r="F5" s="63"/>
      <c r="G5" s="63"/>
      <c r="H5" s="63"/>
      <c r="I5" s="63"/>
      <c r="J5" s="63"/>
      <c r="K5" s="63"/>
      <c r="L5" s="63"/>
      <c r="M5" s="64"/>
      <c r="N5" s="81">
        <v>28</v>
      </c>
      <c r="O5" s="63"/>
      <c r="P5" s="63"/>
      <c r="Q5" s="63"/>
      <c r="R5" s="63"/>
      <c r="S5" s="63"/>
      <c r="T5" s="65"/>
      <c r="U5" s="65"/>
      <c r="V5" s="65"/>
    </row>
    <row r="6" spans="1:22" ht="17.899999999999999" customHeight="1">
      <c r="A6" s="66" t="s">
        <v>55</v>
      </c>
      <c r="B6" s="67">
        <v>34.200000000000003</v>
      </c>
      <c r="C6" s="67"/>
      <c r="D6" s="67"/>
      <c r="E6" s="67"/>
      <c r="F6" s="67"/>
      <c r="G6" s="67"/>
      <c r="H6" s="67"/>
      <c r="I6" s="67"/>
      <c r="J6" s="67"/>
      <c r="K6" s="67"/>
      <c r="L6" s="67"/>
      <c r="M6" s="68"/>
      <c r="N6" s="67">
        <v>21</v>
      </c>
      <c r="O6" s="67"/>
      <c r="P6" s="67"/>
      <c r="Q6" s="67"/>
      <c r="R6" s="67"/>
      <c r="S6" s="67"/>
      <c r="T6" s="69"/>
      <c r="U6" s="69"/>
      <c r="V6" s="69"/>
    </row>
    <row r="7" spans="1:22" ht="17.899999999999999" customHeight="1">
      <c r="A7" s="62" t="s">
        <v>56</v>
      </c>
      <c r="B7" s="63">
        <v>33.700000000000003</v>
      </c>
      <c r="C7" s="63"/>
      <c r="D7" s="63"/>
      <c r="E7" s="63"/>
      <c r="F7" s="63"/>
      <c r="G7" s="63"/>
      <c r="H7" s="63"/>
      <c r="I7" s="63"/>
      <c r="J7" s="63"/>
      <c r="K7" s="63"/>
      <c r="L7" s="63"/>
      <c r="M7" s="64"/>
      <c r="N7" s="63">
        <v>14</v>
      </c>
      <c r="O7" s="63"/>
      <c r="P7" s="63"/>
      <c r="Q7" s="63"/>
      <c r="R7" s="63"/>
      <c r="S7" s="63"/>
      <c r="T7" s="65"/>
      <c r="U7" s="65"/>
      <c r="V7" s="65"/>
    </row>
    <row r="8" spans="1:22" ht="17.899999999999999" customHeight="1">
      <c r="A8" s="66" t="s">
        <v>57</v>
      </c>
      <c r="B8" s="67">
        <v>26.6</v>
      </c>
      <c r="C8" s="67">
        <v>27.2</v>
      </c>
      <c r="D8" s="67"/>
      <c r="E8" s="67"/>
      <c r="F8" s="67"/>
      <c r="G8" s="67"/>
      <c r="H8" s="67"/>
      <c r="I8" s="67"/>
      <c r="J8" s="67"/>
      <c r="K8" s="67"/>
      <c r="L8" s="67"/>
      <c r="M8" s="68"/>
      <c r="N8" s="67">
        <v>13</v>
      </c>
      <c r="O8" s="67"/>
      <c r="P8" s="67"/>
      <c r="Q8" s="67"/>
      <c r="R8" s="67"/>
      <c r="S8" s="67"/>
      <c r="T8" s="69"/>
      <c r="U8" s="69"/>
      <c r="V8" s="69"/>
    </row>
    <row r="9" spans="1:22" ht="17.899999999999999" customHeight="1">
      <c r="A9" s="62" t="s">
        <v>46</v>
      </c>
      <c r="B9" s="63">
        <v>26.2</v>
      </c>
      <c r="C9" s="63">
        <v>26.4</v>
      </c>
      <c r="D9" s="63"/>
      <c r="E9" s="63"/>
      <c r="F9" s="63"/>
      <c r="G9" s="63"/>
      <c r="H9" s="63"/>
      <c r="I9" s="63"/>
      <c r="J9" s="63"/>
      <c r="K9" s="63"/>
      <c r="L9" s="63"/>
      <c r="M9" s="64"/>
      <c r="N9" s="63">
        <v>8</v>
      </c>
      <c r="O9" s="63"/>
      <c r="P9" s="63"/>
      <c r="Q9" s="63"/>
      <c r="R9" s="63"/>
      <c r="S9" s="63"/>
      <c r="T9" s="65"/>
      <c r="U9" s="65"/>
      <c r="V9" s="65"/>
    </row>
    <row r="10" spans="1:22" ht="17.899999999999999" customHeight="1">
      <c r="A10" s="66" t="s">
        <v>58</v>
      </c>
      <c r="B10" s="67"/>
      <c r="C10" s="67">
        <v>27.8</v>
      </c>
      <c r="D10" s="67"/>
      <c r="E10" s="67"/>
      <c r="F10" s="67"/>
      <c r="G10" s="67"/>
      <c r="H10" s="67"/>
      <c r="I10" s="67"/>
      <c r="J10" s="67"/>
      <c r="K10" s="67"/>
      <c r="L10" s="67"/>
      <c r="M10" s="68"/>
      <c r="N10" s="67">
        <v>9</v>
      </c>
      <c r="O10" s="67"/>
      <c r="P10" s="67"/>
      <c r="Q10" s="67"/>
      <c r="R10" s="67"/>
      <c r="S10" s="67"/>
      <c r="T10" s="69"/>
      <c r="U10" s="69"/>
      <c r="V10" s="69"/>
    </row>
    <row r="11" spans="1:22" ht="17.899999999999999" customHeight="1">
      <c r="A11" s="62" t="s">
        <v>59</v>
      </c>
      <c r="B11" s="63"/>
      <c r="C11" s="63">
        <v>26.3</v>
      </c>
      <c r="D11" s="63">
        <v>24.7</v>
      </c>
      <c r="E11" s="63"/>
      <c r="F11" s="63"/>
      <c r="G11" s="63"/>
      <c r="H11" s="63"/>
      <c r="I11" s="63"/>
      <c r="J11" s="63"/>
      <c r="K11" s="63"/>
      <c r="L11" s="63"/>
      <c r="M11" s="64"/>
      <c r="N11" s="63">
        <v>9</v>
      </c>
      <c r="O11" s="63"/>
      <c r="P11" s="63"/>
      <c r="Q11" s="63"/>
      <c r="R11" s="63"/>
      <c r="S11" s="63"/>
      <c r="T11" s="65"/>
      <c r="U11" s="65"/>
      <c r="V11" s="65"/>
    </row>
    <row r="12" spans="1:22" ht="17.899999999999999" customHeight="1">
      <c r="A12" s="66" t="s">
        <v>60</v>
      </c>
      <c r="B12" s="67"/>
      <c r="C12" s="67">
        <v>24.8</v>
      </c>
      <c r="D12" s="67">
        <v>22.5</v>
      </c>
      <c r="E12" s="67"/>
      <c r="F12" s="67"/>
      <c r="G12" s="67"/>
      <c r="H12" s="67"/>
      <c r="I12" s="67"/>
      <c r="J12" s="67"/>
      <c r="K12" s="67"/>
      <c r="L12" s="67"/>
      <c r="M12" s="68"/>
      <c r="N12" s="67">
        <v>13</v>
      </c>
      <c r="O12" s="67"/>
      <c r="P12" s="67"/>
      <c r="Q12" s="67"/>
      <c r="R12" s="67"/>
      <c r="S12" s="67"/>
      <c r="T12" s="69"/>
      <c r="U12" s="69"/>
      <c r="V12" s="69"/>
    </row>
    <row r="13" spans="1:22" ht="17.899999999999999" customHeight="1">
      <c r="A13" s="62" t="s">
        <v>47</v>
      </c>
      <c r="B13" s="63"/>
      <c r="C13" s="63"/>
      <c r="D13" s="63">
        <v>23.5</v>
      </c>
      <c r="E13" s="63"/>
      <c r="F13" s="63"/>
      <c r="G13" s="63"/>
      <c r="H13" s="63"/>
      <c r="I13" s="63"/>
      <c r="J13" s="63"/>
      <c r="K13" s="63"/>
      <c r="L13" s="63"/>
      <c r="M13" s="64"/>
      <c r="N13" s="63">
        <v>10</v>
      </c>
      <c r="O13" s="63"/>
      <c r="P13" s="63"/>
      <c r="Q13" s="63"/>
      <c r="R13" s="63"/>
      <c r="S13" s="63"/>
      <c r="T13" s="65"/>
      <c r="U13" s="65"/>
      <c r="V13" s="65"/>
    </row>
    <row r="14" spans="1:22" ht="17.899999999999999" customHeight="1">
      <c r="A14" s="66" t="s">
        <v>61</v>
      </c>
      <c r="B14" s="67"/>
      <c r="C14" s="67"/>
      <c r="D14" s="67">
        <v>23.3</v>
      </c>
      <c r="E14" s="67"/>
      <c r="F14" s="67"/>
      <c r="G14" s="67"/>
      <c r="H14" s="67"/>
      <c r="I14" s="67"/>
      <c r="J14" s="67"/>
      <c r="K14" s="67"/>
      <c r="L14" s="67"/>
      <c r="M14" s="68"/>
      <c r="N14" s="67">
        <v>7</v>
      </c>
      <c r="O14" s="67"/>
      <c r="P14" s="67"/>
      <c r="Q14" s="67"/>
      <c r="R14" s="67"/>
      <c r="S14" s="67"/>
      <c r="T14" s="69"/>
      <c r="U14" s="69"/>
      <c r="V14" s="69"/>
    </row>
    <row r="15" spans="1:22" ht="17.899999999999999" customHeight="1">
      <c r="A15" s="62" t="s">
        <v>62</v>
      </c>
      <c r="B15" s="63"/>
      <c r="C15" s="63"/>
      <c r="D15" s="63">
        <v>23.4</v>
      </c>
      <c r="E15" s="63"/>
      <c r="F15" s="63"/>
      <c r="G15" s="63"/>
      <c r="H15" s="63"/>
      <c r="I15" s="63"/>
      <c r="J15" s="63"/>
      <c r="K15" s="63"/>
      <c r="L15" s="63"/>
      <c r="M15" s="64"/>
      <c r="N15" s="63">
        <v>8</v>
      </c>
      <c r="O15" s="63"/>
      <c r="P15" s="63"/>
      <c r="Q15" s="63"/>
      <c r="R15" s="63"/>
      <c r="S15" s="63"/>
      <c r="T15" s="65"/>
      <c r="U15" s="65"/>
      <c r="V15" s="65"/>
    </row>
    <row r="16" spans="1:22" ht="17.899999999999999" customHeight="1">
      <c r="A16" s="66" t="s">
        <v>63</v>
      </c>
      <c r="B16" s="67"/>
      <c r="C16" s="67"/>
      <c r="D16" s="67">
        <v>24.8</v>
      </c>
      <c r="E16" s="67"/>
      <c r="F16" s="67"/>
      <c r="G16" s="67"/>
      <c r="H16" s="67"/>
      <c r="I16" s="67"/>
      <c r="J16" s="67"/>
      <c r="K16" s="67"/>
      <c r="L16" s="67"/>
      <c r="M16" s="68"/>
      <c r="N16" s="67">
        <v>9</v>
      </c>
      <c r="O16" s="67"/>
      <c r="P16" s="67"/>
      <c r="Q16" s="67"/>
      <c r="R16" s="67"/>
      <c r="S16" s="67"/>
      <c r="T16" s="69"/>
      <c r="U16" s="69"/>
      <c r="V16" s="69"/>
    </row>
    <row r="17" spans="1:22" ht="17.899999999999999" customHeight="1">
      <c r="A17" s="62" t="s">
        <v>48</v>
      </c>
      <c r="B17" s="63"/>
      <c r="C17" s="63"/>
      <c r="D17" s="63">
        <v>24.3</v>
      </c>
      <c r="E17" s="63">
        <v>22.4</v>
      </c>
      <c r="F17" s="63"/>
      <c r="G17" s="63"/>
      <c r="H17" s="63"/>
      <c r="I17" s="63"/>
      <c r="J17" s="63"/>
      <c r="K17" s="63"/>
      <c r="L17" s="63"/>
      <c r="M17" s="64"/>
      <c r="N17" s="63">
        <v>17</v>
      </c>
      <c r="O17" s="63"/>
      <c r="P17" s="63"/>
      <c r="Q17" s="63"/>
      <c r="R17" s="63"/>
      <c r="S17" s="63"/>
      <c r="T17" s="65"/>
      <c r="U17" s="65"/>
      <c r="V17" s="65"/>
    </row>
    <row r="18" spans="1:22" ht="17.899999999999999" customHeight="1">
      <c r="A18" s="66" t="s">
        <v>64</v>
      </c>
      <c r="B18" s="67"/>
      <c r="C18" s="67"/>
      <c r="D18" s="67">
        <v>24</v>
      </c>
      <c r="E18" s="67">
        <v>22.7</v>
      </c>
      <c r="F18" s="67"/>
      <c r="G18" s="67"/>
      <c r="H18" s="67"/>
      <c r="I18" s="67"/>
      <c r="J18" s="67"/>
      <c r="K18" s="67"/>
      <c r="L18" s="67"/>
      <c r="M18" s="68"/>
      <c r="N18" s="67">
        <v>11</v>
      </c>
      <c r="O18" s="67">
        <v>12</v>
      </c>
      <c r="P18" s="67"/>
      <c r="Q18" s="67"/>
      <c r="R18" s="67"/>
      <c r="S18" s="67"/>
      <c r="T18" s="69"/>
      <c r="U18" s="69"/>
      <c r="V18" s="69"/>
    </row>
    <row r="19" spans="1:22" ht="17.899999999999999" customHeight="1">
      <c r="A19" s="62" t="s">
        <v>65</v>
      </c>
      <c r="B19" s="63"/>
      <c r="C19" s="63"/>
      <c r="D19" s="63"/>
      <c r="E19" s="63">
        <v>23.4</v>
      </c>
      <c r="F19" s="63"/>
      <c r="G19" s="63"/>
      <c r="H19" s="63"/>
      <c r="I19" s="63"/>
      <c r="J19" s="63"/>
      <c r="K19" s="63"/>
      <c r="L19" s="63"/>
      <c r="M19" s="64"/>
      <c r="N19" s="63"/>
      <c r="O19" s="63">
        <v>10</v>
      </c>
      <c r="P19" s="63"/>
      <c r="Q19" s="63"/>
      <c r="R19" s="63"/>
      <c r="S19" s="63"/>
      <c r="T19" s="65"/>
      <c r="U19" s="65"/>
      <c r="V19" s="65"/>
    </row>
    <row r="20" spans="1:22" ht="17.899999999999999" customHeight="1">
      <c r="A20" s="66" t="s">
        <v>66</v>
      </c>
      <c r="B20" s="67"/>
      <c r="C20" s="67"/>
      <c r="D20" s="67"/>
      <c r="E20" s="67">
        <v>21</v>
      </c>
      <c r="F20" s="67"/>
      <c r="G20" s="67"/>
      <c r="H20" s="67"/>
      <c r="I20" s="67"/>
      <c r="J20" s="67"/>
      <c r="K20" s="67"/>
      <c r="L20" s="67"/>
      <c r="M20" s="68"/>
      <c r="N20" s="67"/>
      <c r="O20" s="67">
        <v>12</v>
      </c>
      <c r="P20" s="67"/>
      <c r="Q20" s="67"/>
      <c r="R20" s="67"/>
      <c r="S20" s="67"/>
      <c r="T20" s="69"/>
      <c r="U20" s="69"/>
      <c r="V20" s="69"/>
    </row>
    <row r="21" spans="1:22" ht="17.899999999999999" customHeight="1">
      <c r="A21" s="62" t="s">
        <v>49</v>
      </c>
      <c r="B21" s="63"/>
      <c r="C21" s="63"/>
      <c r="D21" s="63"/>
      <c r="E21" s="63">
        <v>20.100000000000001</v>
      </c>
      <c r="F21" s="63"/>
      <c r="G21" s="63"/>
      <c r="H21" s="63"/>
      <c r="I21" s="63"/>
      <c r="J21" s="63"/>
      <c r="K21" s="63"/>
      <c r="L21" s="63"/>
      <c r="M21" s="64"/>
      <c r="N21" s="63"/>
      <c r="O21" s="63">
        <v>19</v>
      </c>
      <c r="P21" s="63"/>
      <c r="Q21" s="63"/>
      <c r="R21" s="63"/>
      <c r="S21" s="63"/>
      <c r="T21" s="65"/>
      <c r="U21" s="65"/>
      <c r="V21" s="65"/>
    </row>
    <row r="22" spans="1:22" ht="17.899999999999999" customHeight="1">
      <c r="A22" s="66" t="s">
        <v>67</v>
      </c>
      <c r="B22" s="67"/>
      <c r="C22" s="67"/>
      <c r="D22" s="67"/>
      <c r="E22" s="67">
        <v>20</v>
      </c>
      <c r="F22" s="67"/>
      <c r="G22" s="67"/>
      <c r="H22" s="67"/>
      <c r="I22" s="67"/>
      <c r="J22" s="67"/>
      <c r="K22" s="67"/>
      <c r="L22" s="67"/>
      <c r="M22" s="68"/>
      <c r="N22" s="67"/>
      <c r="O22" s="67">
        <v>11</v>
      </c>
      <c r="P22" s="67"/>
      <c r="Q22" s="67"/>
      <c r="R22" s="67"/>
      <c r="S22" s="67"/>
      <c r="T22" s="69"/>
      <c r="U22" s="69"/>
      <c r="V22" s="69"/>
    </row>
    <row r="23" spans="1:22" ht="17.899999999999999" customHeight="1">
      <c r="A23" s="62" t="s">
        <v>68</v>
      </c>
      <c r="B23" s="63"/>
      <c r="C23" s="63"/>
      <c r="D23" s="63"/>
      <c r="E23" s="63">
        <v>17.899999999999999</v>
      </c>
      <c r="F23" s="63"/>
      <c r="G23" s="63"/>
      <c r="H23" s="63"/>
      <c r="I23" s="63"/>
      <c r="J23" s="63"/>
      <c r="K23" s="63"/>
      <c r="L23" s="63"/>
      <c r="M23" s="64"/>
      <c r="N23" s="63"/>
      <c r="O23" s="63">
        <v>8</v>
      </c>
      <c r="P23" s="63"/>
      <c r="Q23" s="63"/>
      <c r="R23" s="63"/>
      <c r="S23" s="63"/>
      <c r="T23" s="65"/>
      <c r="U23" s="65"/>
      <c r="V23" s="65"/>
    </row>
    <row r="24" spans="1:22" ht="17.899999999999999" customHeight="1">
      <c r="A24" s="66" t="s">
        <v>69</v>
      </c>
      <c r="B24" s="67"/>
      <c r="C24" s="67"/>
      <c r="D24" s="67"/>
      <c r="E24" s="67">
        <v>16.7</v>
      </c>
      <c r="F24" s="67">
        <v>16.3</v>
      </c>
      <c r="G24" s="67"/>
      <c r="H24" s="67"/>
      <c r="I24" s="67"/>
      <c r="J24" s="67"/>
      <c r="K24" s="67"/>
      <c r="L24" s="67"/>
      <c r="M24" s="68"/>
      <c r="N24" s="67"/>
      <c r="O24" s="67">
        <v>7</v>
      </c>
      <c r="P24" s="67"/>
      <c r="Q24" s="67"/>
      <c r="R24" s="67"/>
      <c r="S24" s="67"/>
      <c r="T24" s="69"/>
      <c r="U24" s="69"/>
      <c r="V24" s="69"/>
    </row>
    <row r="25" spans="1:22" ht="17.899999999999999" customHeight="1">
      <c r="A25" s="62" t="s">
        <v>50</v>
      </c>
      <c r="B25" s="63"/>
      <c r="C25" s="63"/>
      <c r="D25" s="63"/>
      <c r="E25" s="63">
        <v>15.6</v>
      </c>
      <c r="F25" s="63">
        <v>15.5</v>
      </c>
      <c r="G25" s="63"/>
      <c r="H25" s="63"/>
      <c r="I25" s="63"/>
      <c r="J25" s="63"/>
      <c r="K25" s="63"/>
      <c r="L25" s="63"/>
      <c r="M25" s="64"/>
      <c r="N25" s="63"/>
      <c r="O25" s="63">
        <v>14.7</v>
      </c>
      <c r="P25" s="63">
        <v>17</v>
      </c>
      <c r="Q25" s="63"/>
      <c r="R25" s="63"/>
      <c r="S25" s="63"/>
      <c r="T25" s="65"/>
      <c r="U25" s="65"/>
      <c r="V25" s="65"/>
    </row>
    <row r="26" spans="1:22" ht="17.899999999999999" customHeight="1">
      <c r="A26" s="66" t="s">
        <v>70</v>
      </c>
      <c r="B26" s="67"/>
      <c r="C26" s="67"/>
      <c r="D26" s="67"/>
      <c r="E26" s="67"/>
      <c r="F26" s="67">
        <v>13.8</v>
      </c>
      <c r="G26" s="67"/>
      <c r="H26" s="67"/>
      <c r="I26" s="67"/>
      <c r="J26" s="67"/>
      <c r="K26" s="67"/>
      <c r="L26" s="67"/>
      <c r="M26" s="68"/>
      <c r="N26" s="67"/>
      <c r="O26" s="67"/>
      <c r="P26" s="67">
        <v>13.8</v>
      </c>
      <c r="Q26" s="67"/>
      <c r="R26" s="67"/>
      <c r="S26" s="67"/>
      <c r="T26" s="69"/>
      <c r="U26" s="69"/>
      <c r="V26" s="69"/>
    </row>
    <row r="27" spans="1:22" ht="17.899999999999999" customHeight="1">
      <c r="A27" s="62" t="s">
        <v>71</v>
      </c>
      <c r="B27" s="63"/>
      <c r="C27" s="63"/>
      <c r="D27" s="63"/>
      <c r="E27" s="63"/>
      <c r="F27" s="63">
        <v>12.6</v>
      </c>
      <c r="G27" s="63"/>
      <c r="H27" s="63"/>
      <c r="I27" s="63"/>
      <c r="J27" s="63"/>
      <c r="K27" s="63"/>
      <c r="L27" s="63"/>
      <c r="M27" s="64"/>
      <c r="N27" s="63"/>
      <c r="O27" s="63"/>
      <c r="P27" s="63">
        <v>10.7</v>
      </c>
      <c r="Q27" s="63"/>
      <c r="R27" s="63"/>
      <c r="S27" s="63"/>
      <c r="T27" s="65"/>
      <c r="U27" s="65"/>
      <c r="V27" s="65"/>
    </row>
    <row r="28" spans="1:22" ht="17.899999999999999" customHeight="1">
      <c r="A28" s="66" t="s">
        <v>72</v>
      </c>
      <c r="B28" s="67"/>
      <c r="C28" s="67"/>
      <c r="D28" s="67"/>
      <c r="E28" s="67"/>
      <c r="F28" s="67">
        <v>10.8</v>
      </c>
      <c r="G28" s="67"/>
      <c r="H28" s="67"/>
      <c r="I28" s="67"/>
      <c r="J28" s="67"/>
      <c r="K28" s="67"/>
      <c r="L28" s="67"/>
      <c r="M28" s="68"/>
      <c r="N28" s="67"/>
      <c r="O28" s="67"/>
      <c r="P28" s="67">
        <v>9.9</v>
      </c>
      <c r="Q28" s="67"/>
      <c r="R28" s="67"/>
      <c r="S28" s="67"/>
      <c r="T28" s="69"/>
      <c r="U28" s="69"/>
      <c r="V28" s="69"/>
    </row>
    <row r="29" spans="1:22" ht="17.899999999999999" customHeight="1">
      <c r="A29" s="62" t="s">
        <v>51</v>
      </c>
      <c r="B29" s="63"/>
      <c r="C29" s="63"/>
      <c r="D29" s="63"/>
      <c r="E29" s="63"/>
      <c r="F29" s="63">
        <v>9.4</v>
      </c>
      <c r="G29" s="63"/>
      <c r="H29" s="63"/>
      <c r="I29" s="63"/>
      <c r="J29" s="63"/>
      <c r="K29" s="63"/>
      <c r="L29" s="63"/>
      <c r="M29" s="64"/>
      <c r="N29" s="63"/>
      <c r="O29" s="63"/>
      <c r="P29" s="63">
        <v>10.1</v>
      </c>
      <c r="Q29" s="63"/>
      <c r="R29" s="63"/>
      <c r="S29" s="63"/>
      <c r="T29" s="65"/>
      <c r="U29" s="65"/>
      <c r="V29" s="65"/>
    </row>
    <row r="30" spans="1:22" ht="17.899999999999999" customHeight="1">
      <c r="A30" s="66" t="s">
        <v>73</v>
      </c>
      <c r="B30" s="67"/>
      <c r="C30" s="67"/>
      <c r="D30" s="67"/>
      <c r="E30" s="67"/>
      <c r="F30" s="67">
        <v>8.1</v>
      </c>
      <c r="G30" s="67"/>
      <c r="H30" s="67"/>
      <c r="I30" s="67"/>
      <c r="J30" s="67"/>
      <c r="K30" s="67"/>
      <c r="L30" s="67"/>
      <c r="M30" s="68"/>
      <c r="N30" s="67"/>
      <c r="O30" s="67"/>
      <c r="P30" s="67">
        <v>10.1</v>
      </c>
      <c r="Q30" s="67"/>
      <c r="R30" s="67"/>
      <c r="S30" s="67"/>
      <c r="T30" s="69"/>
      <c r="U30" s="69"/>
      <c r="V30" s="69"/>
    </row>
    <row r="31" spans="1:22" ht="17.899999999999999" customHeight="1">
      <c r="A31" s="62" t="s">
        <v>74</v>
      </c>
      <c r="B31" s="63"/>
      <c r="C31" s="63"/>
      <c r="D31" s="63"/>
      <c r="E31" s="63"/>
      <c r="F31" s="63">
        <v>6.3</v>
      </c>
      <c r="G31" s="63">
        <v>5.7</v>
      </c>
      <c r="H31" s="63"/>
      <c r="I31" s="63"/>
      <c r="J31" s="63"/>
      <c r="K31" s="63"/>
      <c r="L31" s="63"/>
      <c r="M31" s="64"/>
      <c r="N31" s="63"/>
      <c r="O31" s="63"/>
      <c r="P31" s="63">
        <v>10.1</v>
      </c>
      <c r="Q31" s="63">
        <v>6.5</v>
      </c>
      <c r="R31" s="63"/>
      <c r="S31" s="63"/>
      <c r="T31" s="65"/>
      <c r="U31" s="65"/>
      <c r="V31" s="65"/>
    </row>
    <row r="32" spans="1:22" ht="17.899999999999999" customHeight="1">
      <c r="A32" s="66" t="s">
        <v>75</v>
      </c>
      <c r="B32" s="67"/>
      <c r="C32" s="67"/>
      <c r="D32" s="67"/>
      <c r="E32" s="67"/>
      <c r="F32" s="67"/>
      <c r="G32" s="67">
        <v>5.3</v>
      </c>
      <c r="H32" s="67"/>
      <c r="I32" s="67"/>
      <c r="J32" s="67"/>
      <c r="K32" s="67"/>
      <c r="L32" s="67"/>
      <c r="M32" s="68"/>
      <c r="N32" s="67"/>
      <c r="O32" s="67"/>
      <c r="P32" s="67">
        <v>8.6</v>
      </c>
      <c r="Q32" s="67">
        <v>5.8</v>
      </c>
      <c r="R32" s="67"/>
      <c r="S32" s="67"/>
      <c r="T32" s="69"/>
      <c r="U32" s="69"/>
      <c r="V32" s="69"/>
    </row>
    <row r="33" spans="1:22" ht="17.899999999999999" customHeight="1">
      <c r="A33" s="62" t="s">
        <v>52</v>
      </c>
      <c r="B33" s="63"/>
      <c r="C33" s="63"/>
      <c r="D33" s="63"/>
      <c r="E33" s="63"/>
      <c r="F33" s="63"/>
      <c r="G33" s="63">
        <v>5.2</v>
      </c>
      <c r="H33" s="63"/>
      <c r="I33" s="63"/>
      <c r="J33" s="63"/>
      <c r="K33" s="63"/>
      <c r="L33" s="63"/>
      <c r="M33" s="64"/>
      <c r="N33" s="63"/>
      <c r="O33" s="63"/>
      <c r="P33" s="63">
        <v>7.2</v>
      </c>
      <c r="Q33" s="63">
        <v>5.0999999999999996</v>
      </c>
      <c r="R33" s="63"/>
      <c r="S33" s="63"/>
      <c r="T33" s="65"/>
      <c r="U33" s="65"/>
      <c r="V33" s="65"/>
    </row>
    <row r="34" spans="1:22" ht="17.899999999999999" customHeight="1">
      <c r="A34" s="66" t="s">
        <v>76</v>
      </c>
      <c r="B34" s="67"/>
      <c r="C34" s="67"/>
      <c r="D34" s="67"/>
      <c r="E34" s="67"/>
      <c r="F34" s="67"/>
      <c r="G34" s="67">
        <v>4.8</v>
      </c>
      <c r="H34" s="67"/>
      <c r="I34" s="67"/>
      <c r="J34" s="67"/>
      <c r="K34" s="67"/>
      <c r="L34" s="67"/>
      <c r="M34" s="68"/>
      <c r="N34" s="67"/>
      <c r="O34" s="67"/>
      <c r="P34" s="67">
        <v>6.2</v>
      </c>
      <c r="Q34" s="67">
        <v>4.7</v>
      </c>
      <c r="R34" s="67"/>
      <c r="S34" s="67"/>
      <c r="T34" s="69"/>
      <c r="U34" s="69"/>
      <c r="V34" s="69"/>
    </row>
    <row r="35" spans="1:22" ht="17.899999999999999" customHeight="1">
      <c r="A35" s="62" t="s">
        <v>77</v>
      </c>
      <c r="B35" s="63"/>
      <c r="C35" s="63"/>
      <c r="D35" s="63"/>
      <c r="E35" s="63"/>
      <c r="F35" s="63"/>
      <c r="G35" s="63">
        <v>4.7</v>
      </c>
      <c r="H35" s="63"/>
      <c r="I35" s="63"/>
      <c r="J35" s="63"/>
      <c r="K35" s="63"/>
      <c r="L35" s="63"/>
      <c r="M35" s="64"/>
      <c r="N35" s="63"/>
      <c r="O35" s="63"/>
      <c r="P35" s="63"/>
      <c r="Q35" s="63">
        <v>3.2</v>
      </c>
      <c r="R35" s="63"/>
      <c r="S35" s="63"/>
      <c r="T35" s="65"/>
      <c r="U35" s="65"/>
      <c r="V35" s="65"/>
    </row>
    <row r="36" spans="1:22" ht="17.899999999999999" customHeight="1">
      <c r="A36" s="66" t="s">
        <v>78</v>
      </c>
      <c r="B36" s="67"/>
      <c r="C36" s="67"/>
      <c r="D36" s="67"/>
      <c r="E36" s="67"/>
      <c r="F36" s="67"/>
      <c r="G36" s="67">
        <v>4.8</v>
      </c>
      <c r="H36" s="67">
        <v>5.0999999999999996</v>
      </c>
      <c r="I36" s="67"/>
      <c r="J36" s="67"/>
      <c r="K36" s="67"/>
      <c r="L36" s="67"/>
      <c r="M36" s="68"/>
      <c r="N36" s="67"/>
      <c r="O36" s="67"/>
      <c r="P36" s="67"/>
      <c r="Q36" s="67">
        <v>3.6</v>
      </c>
      <c r="R36" s="67">
        <v>3.6</v>
      </c>
      <c r="S36" s="67"/>
      <c r="T36" s="69"/>
      <c r="U36" s="69"/>
      <c r="V36" s="69"/>
    </row>
    <row r="37" spans="1:22" ht="17.899999999999999" customHeight="1">
      <c r="A37" s="62" t="s">
        <v>6</v>
      </c>
      <c r="B37" s="63"/>
      <c r="C37" s="63"/>
      <c r="D37" s="63"/>
      <c r="E37" s="63"/>
      <c r="F37" s="63"/>
      <c r="G37" s="63">
        <v>4.5999999999999996</v>
      </c>
      <c r="H37" s="63">
        <v>4.8</v>
      </c>
      <c r="I37" s="63"/>
      <c r="J37" s="63"/>
      <c r="K37" s="63"/>
      <c r="L37" s="63"/>
      <c r="M37" s="64"/>
      <c r="N37" s="63"/>
      <c r="O37" s="63"/>
      <c r="P37" s="63"/>
      <c r="Q37" s="63">
        <v>5.4</v>
      </c>
      <c r="R37" s="63">
        <v>5.7</v>
      </c>
      <c r="S37" s="63"/>
      <c r="T37" s="65"/>
      <c r="U37" s="65"/>
      <c r="V37" s="65"/>
    </row>
    <row r="38" spans="1:22" ht="17.899999999999999" customHeight="1">
      <c r="A38" s="66" t="s">
        <v>7</v>
      </c>
      <c r="B38" s="67"/>
      <c r="C38" s="67"/>
      <c r="D38" s="67"/>
      <c r="E38" s="67"/>
      <c r="F38" s="67"/>
      <c r="G38" s="67"/>
      <c r="H38" s="67">
        <v>4.8</v>
      </c>
      <c r="I38" s="67">
        <v>5.0999999999999996</v>
      </c>
      <c r="J38" s="67"/>
      <c r="K38" s="67"/>
      <c r="L38" s="67"/>
      <c r="M38" s="68"/>
      <c r="N38" s="67"/>
      <c r="O38" s="67"/>
      <c r="P38" s="67"/>
      <c r="Q38" s="67"/>
      <c r="R38" s="67">
        <v>4.8</v>
      </c>
      <c r="S38" s="67">
        <v>5</v>
      </c>
      <c r="T38" s="69"/>
      <c r="U38" s="69"/>
      <c r="V38" s="69"/>
    </row>
    <row r="39" spans="1:22" ht="17.899999999999999" customHeight="1">
      <c r="A39" s="62" t="s">
        <v>8</v>
      </c>
      <c r="B39" s="63"/>
      <c r="C39" s="63"/>
      <c r="D39" s="63"/>
      <c r="E39" s="63"/>
      <c r="F39" s="63"/>
      <c r="G39" s="63"/>
      <c r="H39" s="63">
        <v>4.5999999999999996</v>
      </c>
      <c r="I39" s="63">
        <v>4.7</v>
      </c>
      <c r="J39" s="63"/>
      <c r="K39" s="63"/>
      <c r="L39" s="63"/>
      <c r="M39" s="64"/>
      <c r="N39" s="63"/>
      <c r="O39" s="63"/>
      <c r="P39" s="63"/>
      <c r="Q39" s="63"/>
      <c r="R39" s="63">
        <v>4.5</v>
      </c>
      <c r="S39" s="63">
        <v>4.7</v>
      </c>
      <c r="T39" s="65"/>
      <c r="U39" s="65"/>
      <c r="V39" s="65"/>
    </row>
    <row r="40" spans="1:22" ht="17.899999999999999" customHeight="1">
      <c r="A40" s="66" t="s">
        <v>9</v>
      </c>
      <c r="B40" s="67"/>
      <c r="C40" s="67"/>
      <c r="D40" s="67"/>
      <c r="E40" s="67"/>
      <c r="F40" s="67"/>
      <c r="G40" s="67"/>
      <c r="H40" s="67"/>
      <c r="I40" s="67">
        <v>4.5999999999999996</v>
      </c>
      <c r="J40" s="67"/>
      <c r="K40" s="67"/>
      <c r="L40" s="67"/>
      <c r="M40" s="68"/>
      <c r="N40" s="67"/>
      <c r="O40" s="67"/>
      <c r="P40" s="67"/>
      <c r="Q40" s="67"/>
      <c r="R40" s="67"/>
      <c r="S40" s="67">
        <v>5</v>
      </c>
      <c r="T40" s="69"/>
      <c r="U40" s="69"/>
      <c r="V40" s="69"/>
    </row>
    <row r="41" spans="1:22" ht="17.899999999999999" customHeight="1">
      <c r="A41" s="62" t="s">
        <v>10</v>
      </c>
      <c r="B41" s="63"/>
      <c r="C41" s="63"/>
      <c r="D41" s="63"/>
      <c r="E41" s="63"/>
      <c r="F41" s="63"/>
      <c r="G41" s="63"/>
      <c r="H41" s="63"/>
      <c r="I41" s="63">
        <v>4.5999999999999996</v>
      </c>
      <c r="J41" s="63">
        <v>4.5999999999999996</v>
      </c>
      <c r="K41" s="63"/>
      <c r="L41" s="63"/>
      <c r="M41" s="64"/>
      <c r="N41" s="63"/>
      <c r="O41" s="63"/>
      <c r="P41" s="63"/>
      <c r="Q41" s="63"/>
      <c r="R41" s="63"/>
      <c r="S41" s="63">
        <v>7.1</v>
      </c>
      <c r="T41" s="63">
        <v>5.9</v>
      </c>
      <c r="U41" s="63"/>
      <c r="V41" s="65"/>
    </row>
    <row r="42" spans="1:22" ht="17.899999999999999" customHeight="1">
      <c r="A42" s="66" t="s">
        <v>11</v>
      </c>
      <c r="B42" s="67"/>
      <c r="C42" s="67"/>
      <c r="D42" s="67"/>
      <c r="E42" s="67"/>
      <c r="F42" s="67"/>
      <c r="G42" s="67"/>
      <c r="H42" s="67"/>
      <c r="I42" s="67">
        <v>4.5</v>
      </c>
      <c r="J42" s="67">
        <v>4.5</v>
      </c>
      <c r="K42" s="67"/>
      <c r="L42" s="67"/>
      <c r="M42" s="68"/>
      <c r="N42" s="67"/>
      <c r="O42" s="67"/>
      <c r="P42" s="67"/>
      <c r="Q42" s="67"/>
      <c r="R42" s="67"/>
      <c r="S42" s="67">
        <v>7.6</v>
      </c>
      <c r="T42" s="67">
        <v>6.4</v>
      </c>
      <c r="U42" s="67"/>
      <c r="V42" s="69"/>
    </row>
    <row r="43" spans="1:22" ht="17.899999999999999" customHeight="1">
      <c r="A43" s="62" t="s">
        <v>12</v>
      </c>
      <c r="B43" s="63"/>
      <c r="C43" s="63"/>
      <c r="D43" s="63"/>
      <c r="E43" s="63"/>
      <c r="F43" s="63"/>
      <c r="G43" s="63"/>
      <c r="H43" s="63"/>
      <c r="I43" s="63">
        <v>4.5999999999999996</v>
      </c>
      <c r="J43" s="63">
        <v>4.5999999999999996</v>
      </c>
      <c r="K43" s="63"/>
      <c r="L43" s="63"/>
      <c r="M43" s="64"/>
      <c r="N43" s="63"/>
      <c r="O43" s="63"/>
      <c r="P43" s="63"/>
      <c r="Q43" s="63"/>
      <c r="R43" s="63"/>
      <c r="S43" s="63">
        <v>5.5</v>
      </c>
      <c r="T43" s="63">
        <v>4.7</v>
      </c>
      <c r="U43" s="63"/>
      <c r="V43" s="65"/>
    </row>
    <row r="44" spans="1:22" ht="17.899999999999999" customHeight="1">
      <c r="A44" s="66" t="s">
        <v>13</v>
      </c>
      <c r="B44" s="67"/>
      <c r="C44" s="67"/>
      <c r="D44" s="67"/>
      <c r="E44" s="67"/>
      <c r="F44" s="67"/>
      <c r="G44" s="67"/>
      <c r="H44" s="67"/>
      <c r="I44" s="67"/>
      <c r="J44" s="67">
        <v>4.5999999999999996</v>
      </c>
      <c r="K44" s="67"/>
      <c r="L44" s="67"/>
      <c r="M44" s="68"/>
      <c r="N44" s="67"/>
      <c r="O44" s="67"/>
      <c r="P44" s="67"/>
      <c r="Q44" s="67"/>
      <c r="R44" s="67"/>
      <c r="S44" s="67"/>
      <c r="T44" s="67">
        <v>4.8</v>
      </c>
      <c r="U44" s="67"/>
      <c r="V44" s="69"/>
    </row>
    <row r="45" spans="1:22" ht="17.899999999999999" customHeight="1">
      <c r="A45" s="62" t="s">
        <v>14</v>
      </c>
      <c r="B45" s="63"/>
      <c r="C45" s="63"/>
      <c r="D45" s="63"/>
      <c r="E45" s="63"/>
      <c r="F45" s="63"/>
      <c r="G45" s="63"/>
      <c r="H45" s="63"/>
      <c r="I45" s="63"/>
      <c r="J45" s="63">
        <v>4.4000000000000004</v>
      </c>
      <c r="K45" s="63">
        <v>2.4</v>
      </c>
      <c r="L45" s="63"/>
      <c r="M45" s="64"/>
      <c r="N45" s="63"/>
      <c r="O45" s="63"/>
      <c r="P45" s="63"/>
      <c r="Q45" s="63"/>
      <c r="R45" s="63"/>
      <c r="S45" s="63"/>
      <c r="T45" s="63">
        <v>3.6</v>
      </c>
      <c r="U45" s="63">
        <v>3.7</v>
      </c>
      <c r="V45" s="65"/>
    </row>
    <row r="46" spans="1:22" ht="17.899999999999999" customHeight="1">
      <c r="A46" s="66" t="s">
        <v>15</v>
      </c>
      <c r="B46" s="67"/>
      <c r="C46" s="67"/>
      <c r="D46" s="67"/>
      <c r="E46" s="67"/>
      <c r="F46" s="67"/>
      <c r="G46" s="67"/>
      <c r="H46" s="67"/>
      <c r="I46" s="67"/>
      <c r="J46" s="67">
        <v>4.3</v>
      </c>
      <c r="K46" s="67">
        <v>2.6</v>
      </c>
      <c r="L46" s="67"/>
      <c r="M46" s="68"/>
      <c r="N46" s="67"/>
      <c r="O46" s="67"/>
      <c r="P46" s="67"/>
      <c r="Q46" s="67"/>
      <c r="R46" s="67"/>
      <c r="S46" s="67"/>
      <c r="T46" s="67">
        <v>3.5</v>
      </c>
      <c r="U46" s="67">
        <v>3.8</v>
      </c>
      <c r="V46" s="69"/>
    </row>
    <row r="47" spans="1:22" ht="17.899999999999999" customHeight="1">
      <c r="A47" s="62" t="s">
        <v>16</v>
      </c>
      <c r="B47" s="63"/>
      <c r="C47" s="63"/>
      <c r="D47" s="63"/>
      <c r="E47" s="63"/>
      <c r="F47" s="63"/>
      <c r="G47" s="63"/>
      <c r="H47" s="63"/>
      <c r="I47" s="63"/>
      <c r="J47" s="63">
        <v>4.2</v>
      </c>
      <c r="K47" s="63">
        <v>2.7</v>
      </c>
      <c r="L47" s="63"/>
      <c r="M47" s="64"/>
      <c r="N47" s="63"/>
      <c r="O47" s="63"/>
      <c r="P47" s="63"/>
      <c r="Q47" s="63"/>
      <c r="R47" s="63"/>
      <c r="S47" s="63"/>
      <c r="T47" s="63">
        <v>2.8</v>
      </c>
      <c r="U47" s="63">
        <v>3</v>
      </c>
      <c r="V47" s="65"/>
    </row>
    <row r="48" spans="1:22" ht="17.899999999999999" customHeight="1">
      <c r="A48" s="66" t="s">
        <v>17</v>
      </c>
      <c r="B48" s="67"/>
      <c r="C48" s="67"/>
      <c r="D48" s="67"/>
      <c r="E48" s="67"/>
      <c r="F48" s="67"/>
      <c r="G48" s="67"/>
      <c r="H48" s="67"/>
      <c r="I48" s="67"/>
      <c r="J48" s="67"/>
      <c r="K48" s="67">
        <v>2.5</v>
      </c>
      <c r="L48" s="67">
        <v>2.4</v>
      </c>
      <c r="M48" s="68"/>
      <c r="N48" s="67"/>
      <c r="O48" s="67"/>
      <c r="P48" s="67"/>
      <c r="Q48" s="67"/>
      <c r="R48" s="67"/>
      <c r="S48" s="67"/>
      <c r="T48" s="67"/>
      <c r="U48" s="67">
        <v>3</v>
      </c>
      <c r="V48" s="67">
        <v>3</v>
      </c>
    </row>
    <row r="49" spans="1:22" ht="17.899999999999999" customHeight="1">
      <c r="A49" s="62" t="s">
        <v>18</v>
      </c>
      <c r="B49" s="63"/>
      <c r="C49" s="63"/>
      <c r="D49" s="63"/>
      <c r="E49" s="63"/>
      <c r="F49" s="63"/>
      <c r="G49" s="63"/>
      <c r="H49" s="63"/>
      <c r="I49" s="63"/>
      <c r="J49" s="63"/>
      <c r="K49" s="63">
        <v>2.4</v>
      </c>
      <c r="L49" s="63">
        <v>2.2000000000000002</v>
      </c>
      <c r="M49" s="64"/>
      <c r="N49" s="63"/>
      <c r="O49" s="63"/>
      <c r="P49" s="63"/>
      <c r="Q49" s="63"/>
      <c r="R49" s="63"/>
      <c r="S49" s="63"/>
      <c r="T49" s="63"/>
      <c r="U49" s="63">
        <v>2.9</v>
      </c>
      <c r="V49" s="65">
        <v>2.9</v>
      </c>
    </row>
    <row r="50" spans="1:22" ht="17.899999999999999" customHeight="1">
      <c r="A50" s="66" t="s">
        <v>19</v>
      </c>
      <c r="B50" s="69"/>
      <c r="C50" s="69"/>
      <c r="D50" s="69"/>
      <c r="E50" s="69"/>
      <c r="F50" s="69"/>
      <c r="G50" s="69"/>
      <c r="H50" s="69"/>
      <c r="I50" s="69"/>
      <c r="J50" s="67"/>
      <c r="K50" s="67">
        <v>2.1</v>
      </c>
      <c r="L50" s="67">
        <v>2</v>
      </c>
      <c r="M50" s="70"/>
      <c r="N50" s="69"/>
      <c r="O50" s="69"/>
      <c r="P50" s="69"/>
      <c r="Q50" s="69"/>
      <c r="R50" s="69"/>
      <c r="S50" s="69"/>
      <c r="T50" s="67"/>
      <c r="U50" s="67">
        <v>2.9</v>
      </c>
      <c r="V50" s="69">
        <v>2.9</v>
      </c>
    </row>
    <row r="51" spans="1:22" ht="17.899999999999999" customHeight="1">
      <c r="A51" s="62" t="s">
        <v>20</v>
      </c>
      <c r="B51" s="65"/>
      <c r="C51" s="65"/>
      <c r="D51" s="65"/>
      <c r="E51" s="65"/>
      <c r="F51" s="65"/>
      <c r="G51" s="65"/>
      <c r="H51" s="65"/>
      <c r="I51" s="65"/>
      <c r="J51" s="63"/>
      <c r="K51" s="63">
        <v>1.7</v>
      </c>
      <c r="L51" s="65">
        <v>1.6</v>
      </c>
      <c r="M51" s="71"/>
      <c r="N51" s="65"/>
      <c r="O51" s="65"/>
      <c r="P51" s="65"/>
      <c r="Q51" s="65"/>
      <c r="R51" s="65"/>
      <c r="S51" s="65"/>
      <c r="T51" s="63"/>
      <c r="U51" s="63">
        <v>2.9</v>
      </c>
      <c r="V51" s="65">
        <v>2.9</v>
      </c>
    </row>
    <row r="52" spans="1:22" ht="17.899999999999999" customHeight="1">
      <c r="A52" s="66" t="s">
        <v>21</v>
      </c>
      <c r="B52" s="69"/>
      <c r="C52" s="69"/>
      <c r="D52" s="69"/>
      <c r="E52" s="69"/>
      <c r="F52" s="69"/>
      <c r="G52" s="69"/>
      <c r="H52" s="69"/>
      <c r="I52" s="69"/>
      <c r="J52" s="67"/>
      <c r="K52" s="67">
        <v>1.5</v>
      </c>
      <c r="L52" s="69">
        <v>1.4</v>
      </c>
      <c r="M52" s="70"/>
      <c r="N52" s="69"/>
      <c r="O52" s="69"/>
      <c r="P52" s="69"/>
      <c r="Q52" s="69"/>
      <c r="R52" s="69"/>
      <c r="S52" s="69"/>
      <c r="T52" s="67"/>
      <c r="U52" s="67">
        <v>3.3</v>
      </c>
      <c r="V52" s="69">
        <v>3.5</v>
      </c>
    </row>
    <row r="53" spans="1:22" ht="17.899999999999999" customHeight="1">
      <c r="A53" s="62" t="s">
        <v>22</v>
      </c>
      <c r="B53" s="65"/>
      <c r="C53" s="65"/>
      <c r="D53" s="65"/>
      <c r="E53" s="65"/>
      <c r="F53" s="65"/>
      <c r="G53" s="65"/>
      <c r="H53" s="65"/>
      <c r="I53" s="65"/>
      <c r="J53" s="63"/>
      <c r="K53" s="63"/>
      <c r="L53" s="65">
        <v>1.4</v>
      </c>
      <c r="M53" s="71"/>
      <c r="N53" s="65"/>
      <c r="O53" s="65"/>
      <c r="P53" s="65"/>
      <c r="Q53" s="65"/>
      <c r="R53" s="65"/>
      <c r="S53" s="65"/>
      <c r="T53" s="63"/>
      <c r="U53" s="63"/>
      <c r="V53" s="63">
        <v>3</v>
      </c>
    </row>
    <row r="54" spans="1:22" ht="17.899999999999999" customHeight="1">
      <c r="A54" s="66" t="s">
        <v>23</v>
      </c>
      <c r="B54" s="69"/>
      <c r="C54" s="69"/>
      <c r="D54" s="69"/>
      <c r="E54" s="69"/>
      <c r="F54" s="69"/>
      <c r="G54" s="69"/>
      <c r="H54" s="69"/>
      <c r="I54" s="69"/>
      <c r="J54" s="67"/>
      <c r="K54" s="67"/>
      <c r="L54" s="69">
        <v>1.4</v>
      </c>
      <c r="M54" s="70"/>
      <c r="N54" s="69"/>
      <c r="O54" s="69"/>
      <c r="P54" s="69"/>
      <c r="Q54" s="69"/>
      <c r="R54" s="69"/>
      <c r="S54" s="69"/>
      <c r="T54" s="67"/>
      <c r="U54" s="67"/>
      <c r="V54" s="69">
        <v>3.3</v>
      </c>
    </row>
    <row r="55" spans="1:22" ht="17.899999999999999" customHeight="1">
      <c r="A55" s="72" t="s">
        <v>24</v>
      </c>
      <c r="B55" s="73"/>
      <c r="C55" s="73"/>
      <c r="D55" s="73"/>
      <c r="E55" s="73"/>
      <c r="F55" s="73"/>
      <c r="G55" s="73"/>
      <c r="H55" s="73"/>
      <c r="I55" s="73"/>
      <c r="J55" s="74"/>
      <c r="K55" s="74"/>
      <c r="L55" s="73">
        <v>1.4</v>
      </c>
      <c r="M55" s="75"/>
      <c r="N55" s="73"/>
      <c r="O55" s="73"/>
      <c r="P55" s="73"/>
      <c r="Q55" s="73"/>
      <c r="R55" s="73"/>
      <c r="S55" s="73"/>
      <c r="T55" s="74"/>
      <c r="U55" s="74"/>
      <c r="V55" s="73">
        <v>3.2</v>
      </c>
    </row>
    <row r="56" spans="1:22" ht="39" customHeight="1">
      <c r="A56" s="86" t="s">
        <v>53</v>
      </c>
      <c r="B56" s="86"/>
      <c r="C56" s="86"/>
      <c r="D56" s="86"/>
      <c r="E56" s="86"/>
      <c r="F56" s="86"/>
      <c r="G56" s="86"/>
      <c r="H56" s="86"/>
      <c r="I56" s="86"/>
      <c r="J56" s="86"/>
      <c r="K56" s="86"/>
      <c r="L56" s="86"/>
      <c r="M56" s="86"/>
      <c r="N56" s="86"/>
      <c r="O56" s="86"/>
      <c r="P56" s="86"/>
      <c r="Q56" s="86"/>
      <c r="R56" s="86"/>
      <c r="S56" s="86"/>
      <c r="T56" s="86"/>
      <c r="U56" s="86"/>
    </row>
    <row r="57" spans="1:22" ht="17.899999999999999" customHeight="1">
      <c r="A57" s="21" t="s">
        <v>79</v>
      </c>
      <c r="B57" s="19"/>
      <c r="C57" s="19"/>
      <c r="D57" s="19"/>
      <c r="E57" s="19"/>
      <c r="F57" s="19"/>
      <c r="G57" s="19"/>
      <c r="H57" s="19"/>
      <c r="I57" s="19"/>
      <c r="J57" s="19"/>
      <c r="K57" s="19"/>
      <c r="L57" s="19"/>
      <c r="M57" s="19"/>
      <c r="N57" s="19"/>
      <c r="O57" s="19"/>
      <c r="P57" s="19"/>
      <c r="Q57" s="19"/>
      <c r="R57" s="19"/>
      <c r="S57" s="19"/>
      <c r="T57" s="20"/>
      <c r="U57" s="20"/>
    </row>
  </sheetData>
  <mergeCells count="3">
    <mergeCell ref="A56:U56"/>
    <mergeCell ref="B4:L4"/>
    <mergeCell ref="M4:V4"/>
  </mergeCells>
  <pageMargins left="0.7" right="0.7" top="0.75" bottom="0.75" header="0.3" footer="0.3"/>
  <pageSetup paperSize="9" orientation="portrait" r:id="rId1"/>
  <headerFooter>
    <oddHeader>&amp;C&amp;"Calibri"&amp;12&amp;K000000  OFFICIAL&amp;1#_x000D_</oddHeader>
  </headerFooter>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C71867-16C7-4D65-A1D7-CB37CE802495}">
  <dimension ref="A1:B23"/>
  <sheetViews>
    <sheetView showGridLines="0" zoomScaleNormal="100" workbookViewId="0"/>
  </sheetViews>
  <sheetFormatPr defaultRowHeight="12.5"/>
  <cols>
    <col min="1" max="1" width="31.453125" customWidth="1"/>
    <col min="2" max="2" width="14.1796875" customWidth="1"/>
    <col min="4" max="4" width="16.81640625" customWidth="1"/>
  </cols>
  <sheetData>
    <row r="1" spans="1:2" ht="13">
      <c r="A1" s="1" t="s">
        <v>204</v>
      </c>
    </row>
    <row r="2" spans="1:2">
      <c r="A2" t="s">
        <v>39</v>
      </c>
    </row>
    <row r="3" spans="1:2">
      <c r="A3" s="16" t="s">
        <v>38</v>
      </c>
      <c r="B3" s="16" t="s">
        <v>40</v>
      </c>
    </row>
    <row r="4" spans="1:2">
      <c r="A4" s="14">
        <v>2009</v>
      </c>
      <c r="B4" s="15">
        <v>189</v>
      </c>
    </row>
    <row r="5" spans="1:2">
      <c r="A5" s="12">
        <v>2010</v>
      </c>
      <c r="B5" s="10">
        <v>209</v>
      </c>
    </row>
    <row r="6" spans="1:2">
      <c r="A6" s="14">
        <v>2011</v>
      </c>
      <c r="B6" s="15">
        <v>186</v>
      </c>
    </row>
    <row r="7" spans="1:2">
      <c r="A7" s="12">
        <v>2012</v>
      </c>
      <c r="B7" s="10">
        <v>165</v>
      </c>
    </row>
    <row r="8" spans="1:2">
      <c r="A8" s="14">
        <v>2013</v>
      </c>
      <c r="B8" s="15">
        <v>376</v>
      </c>
    </row>
    <row r="9" spans="1:2">
      <c r="A9" s="12">
        <v>2014</v>
      </c>
      <c r="B9" s="10">
        <v>280</v>
      </c>
    </row>
    <row r="10" spans="1:2">
      <c r="A10" s="14">
        <v>2015</v>
      </c>
      <c r="B10" s="15">
        <v>363</v>
      </c>
    </row>
    <row r="11" spans="1:2">
      <c r="A11" s="12">
        <v>2016</v>
      </c>
      <c r="B11" s="10">
        <v>502</v>
      </c>
    </row>
    <row r="12" spans="1:2">
      <c r="A12" s="14">
        <v>2017</v>
      </c>
      <c r="B12" s="15">
        <v>443</v>
      </c>
    </row>
    <row r="13" spans="1:2">
      <c r="A13" s="12">
        <v>2018</v>
      </c>
      <c r="B13" s="10">
        <v>552</v>
      </c>
    </row>
    <row r="14" spans="1:2">
      <c r="A14" s="14">
        <v>2019</v>
      </c>
      <c r="B14" s="15">
        <v>765</v>
      </c>
    </row>
    <row r="15" spans="1:2">
      <c r="A15" s="12">
        <v>2020</v>
      </c>
      <c r="B15" s="10">
        <v>1236</v>
      </c>
    </row>
    <row r="16" spans="1:2">
      <c r="A16" s="14">
        <v>2021</v>
      </c>
      <c r="B16" s="15">
        <v>2111</v>
      </c>
    </row>
    <row r="17" spans="1:2">
      <c r="A17" s="12">
        <v>2022</v>
      </c>
      <c r="B17" s="10">
        <v>2020</v>
      </c>
    </row>
    <row r="18" spans="1:2">
      <c r="A18" s="14">
        <v>2023</v>
      </c>
      <c r="B18" s="15">
        <v>2379</v>
      </c>
    </row>
    <row r="19" spans="1:2">
      <c r="A19" s="12">
        <v>2024</v>
      </c>
      <c r="B19" s="10">
        <v>2422</v>
      </c>
    </row>
    <row r="20" spans="1:2">
      <c r="A20" s="3">
        <v>2025</v>
      </c>
      <c r="B20" s="4">
        <v>2315</v>
      </c>
    </row>
    <row r="22" spans="1:2">
      <c r="A22" t="s">
        <v>42</v>
      </c>
    </row>
    <row r="23" spans="1:2">
      <c r="A23" t="s">
        <v>41</v>
      </c>
    </row>
  </sheetData>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H156"/>
  <sheetViews>
    <sheetView showGridLines="0" workbookViewId="0"/>
  </sheetViews>
  <sheetFormatPr defaultRowHeight="12.5"/>
  <cols>
    <col min="1" max="1" width="4.453125" customWidth="1"/>
    <col min="2" max="2" width="19.81640625" bestFit="1" customWidth="1"/>
    <col min="3" max="4" width="14.54296875" customWidth="1"/>
    <col min="5" max="5" width="17.1796875" customWidth="1"/>
    <col min="6" max="6" width="15.6328125" bestFit="1" customWidth="1"/>
    <col min="7" max="7" width="17.453125" bestFit="1" customWidth="1"/>
    <col min="8" max="8" width="22.36328125" bestFit="1" customWidth="1"/>
    <col min="9" max="9" width="14.81640625" bestFit="1" customWidth="1"/>
    <col min="10" max="10" width="8.81640625" bestFit="1" customWidth="1"/>
    <col min="11" max="11" width="11.81640625" bestFit="1" customWidth="1"/>
    <col min="12" max="13" width="10.81640625" bestFit="1" customWidth="1"/>
    <col min="14" max="14" width="8.81640625" bestFit="1" customWidth="1"/>
    <col min="15" max="15" width="10.81640625" bestFit="1" customWidth="1"/>
  </cols>
  <sheetData>
    <row r="1" spans="1:8" ht="13">
      <c r="A1" s="84" t="s">
        <v>124</v>
      </c>
    </row>
    <row r="3" spans="1:8" ht="13">
      <c r="A3" s="91" t="s">
        <v>5</v>
      </c>
      <c r="B3" s="93" t="s">
        <v>202</v>
      </c>
      <c r="C3" s="89" t="s">
        <v>194</v>
      </c>
      <c r="D3" s="89"/>
      <c r="E3" s="90"/>
      <c r="F3" s="89" t="s">
        <v>195</v>
      </c>
      <c r="G3" s="89"/>
      <c r="H3" s="89"/>
    </row>
    <row r="4" spans="1:8">
      <c r="A4" s="92"/>
      <c r="B4" s="94"/>
      <c r="C4" s="16" t="s">
        <v>80</v>
      </c>
      <c r="D4" s="16" t="s">
        <v>81</v>
      </c>
      <c r="E4" s="16" t="s">
        <v>200</v>
      </c>
      <c r="F4" s="16" t="s">
        <v>82</v>
      </c>
      <c r="G4" s="16" t="s">
        <v>83</v>
      </c>
      <c r="H4" s="16" t="s">
        <v>84</v>
      </c>
    </row>
    <row r="5" spans="1:8">
      <c r="A5" s="14">
        <v>1</v>
      </c>
      <c r="B5" s="39">
        <v>1</v>
      </c>
      <c r="C5" s="40">
        <v>0</v>
      </c>
      <c r="D5" s="40">
        <v>3047062.0294420547</v>
      </c>
      <c r="E5" s="40">
        <v>104615796.34417722</v>
      </c>
      <c r="F5" s="8">
        <v>3199415130.9141574</v>
      </c>
      <c r="G5" s="40">
        <v>4062749372.5894065</v>
      </c>
      <c r="H5" s="40">
        <v>7262164503.5035639</v>
      </c>
    </row>
    <row r="6" spans="1:8">
      <c r="A6" s="12">
        <v>2</v>
      </c>
      <c r="B6" s="38">
        <v>0.5</v>
      </c>
      <c r="C6" s="41">
        <v>19346425.583759077</v>
      </c>
      <c r="D6" s="41">
        <v>2901963.8375638616</v>
      </c>
      <c r="E6" s="41">
        <v>126864185.76550016</v>
      </c>
      <c r="F6" s="7">
        <v>3047062029.4420543</v>
      </c>
      <c r="G6" s="7">
        <v>3869285116.7518153</v>
      </c>
      <c r="H6" s="41">
        <v>6916347146.1938696</v>
      </c>
    </row>
    <row r="7" spans="1:8">
      <c r="A7" s="14">
        <v>3</v>
      </c>
      <c r="B7" s="39">
        <v>0.33333333333333331</v>
      </c>
      <c r="C7" s="40">
        <v>18425167.222627692</v>
      </c>
      <c r="D7" s="40">
        <v>2763775.0833941535</v>
      </c>
      <c r="E7" s="40">
        <v>148053128.071522</v>
      </c>
      <c r="F7" s="8">
        <v>2901963837.5638614</v>
      </c>
      <c r="G7" s="8">
        <v>3685033444.5255384</v>
      </c>
      <c r="H7" s="40">
        <v>6586997282.0893993</v>
      </c>
    </row>
    <row r="8" spans="1:8">
      <c r="A8" s="12">
        <v>4</v>
      </c>
      <c r="B8" s="38">
        <v>0.25</v>
      </c>
      <c r="C8" s="41">
        <v>17547778.30726447</v>
      </c>
      <c r="D8" s="41">
        <v>2632166.7460896703</v>
      </c>
      <c r="E8" s="41">
        <v>168233073.12487614</v>
      </c>
      <c r="F8" s="7">
        <v>2763775083.3941536</v>
      </c>
      <c r="G8" s="7">
        <v>3509555661.4528937</v>
      </c>
      <c r="H8" s="41">
        <v>6273330744.8470478</v>
      </c>
    </row>
    <row r="9" spans="1:8">
      <c r="A9" s="14">
        <v>5</v>
      </c>
      <c r="B9" s="39">
        <v>0.2</v>
      </c>
      <c r="C9" s="40">
        <v>16712169.816442352</v>
      </c>
      <c r="D9" s="40">
        <v>2506825.4724663529</v>
      </c>
      <c r="E9" s="40">
        <v>187452068.41378486</v>
      </c>
      <c r="F9" s="8">
        <v>2632166746.0896702</v>
      </c>
      <c r="G9" s="8">
        <v>3342433963.2884703</v>
      </c>
      <c r="H9" s="40">
        <v>5974600709.3781404</v>
      </c>
    </row>
    <row r="10" spans="1:8">
      <c r="A10" s="12">
        <v>6</v>
      </c>
      <c r="B10" s="38">
        <v>0.16666666666666666</v>
      </c>
      <c r="C10" s="41">
        <v>15916352.206135573</v>
      </c>
      <c r="D10" s="41">
        <v>2387452.8309203358</v>
      </c>
      <c r="E10" s="41">
        <v>205755873.45084077</v>
      </c>
      <c r="F10" s="7">
        <v>2506825472.4663525</v>
      </c>
      <c r="G10" s="7">
        <v>3183270441.2271147</v>
      </c>
      <c r="H10" s="41">
        <v>5690095913.6934671</v>
      </c>
    </row>
    <row r="11" spans="1:8">
      <c r="A11" s="14">
        <v>7</v>
      </c>
      <c r="B11" s="39">
        <v>0.14285714285714285</v>
      </c>
      <c r="C11" s="40">
        <v>15158430.672510069</v>
      </c>
      <c r="D11" s="40">
        <v>2273764.6008765101</v>
      </c>
      <c r="E11" s="40">
        <v>223188068.72422734</v>
      </c>
      <c r="F11" s="8">
        <v>2387452830.9203358</v>
      </c>
      <c r="G11" s="8">
        <v>3031686134.5020142</v>
      </c>
      <c r="H11" s="40">
        <v>5419138965.4223499</v>
      </c>
    </row>
    <row r="12" spans="1:8">
      <c r="A12" s="12">
        <v>8</v>
      </c>
      <c r="B12" s="38">
        <v>0.125</v>
      </c>
      <c r="C12" s="41">
        <v>14436600.640485778</v>
      </c>
      <c r="D12" s="41">
        <v>2165490.0960728666</v>
      </c>
      <c r="E12" s="41">
        <v>239790159.46078598</v>
      </c>
      <c r="F12" s="7">
        <v>2273764600.8765101</v>
      </c>
      <c r="G12" s="7">
        <v>2887320128.097156</v>
      </c>
      <c r="H12" s="41">
        <v>5161084728.9736662</v>
      </c>
    </row>
    <row r="13" spans="1:8">
      <c r="A13" s="14">
        <v>9</v>
      </c>
      <c r="B13" s="39">
        <v>0.1111111111111111</v>
      </c>
      <c r="C13" s="40">
        <v>13749143.467129316</v>
      </c>
      <c r="D13" s="40">
        <v>2062371.5200693973</v>
      </c>
      <c r="E13" s="40">
        <v>255601674.4479847</v>
      </c>
      <c r="F13" s="8">
        <v>2165490096.0728669</v>
      </c>
      <c r="G13" s="8">
        <v>2749828693.4258633</v>
      </c>
      <c r="H13" s="40">
        <v>4915318789.4987297</v>
      </c>
    </row>
    <row r="14" spans="1:8">
      <c r="A14" s="12">
        <v>10</v>
      </c>
      <c r="B14" s="38">
        <v>0.1</v>
      </c>
      <c r="C14" s="41">
        <v>13094422.349646965</v>
      </c>
      <c r="D14" s="41">
        <v>1964163.3524470448</v>
      </c>
      <c r="E14" s="41">
        <v>270660260.15007871</v>
      </c>
      <c r="F14" s="7">
        <v>2062371520.069397</v>
      </c>
      <c r="G14" s="7">
        <v>2618884469.9293933</v>
      </c>
      <c r="H14" s="41">
        <v>4681255989.9987907</v>
      </c>
    </row>
    <row r="15" spans="1:8">
      <c r="A15" s="14">
        <v>11</v>
      </c>
      <c r="B15" s="39">
        <v>9.0909090909090912E-2</v>
      </c>
      <c r="C15" s="40">
        <v>12470878.428235205</v>
      </c>
      <c r="D15" s="40">
        <v>1870631.7642352807</v>
      </c>
      <c r="E15" s="40">
        <v>285001770.3425492</v>
      </c>
      <c r="F15" s="8">
        <v>1964163352.4470448</v>
      </c>
      <c r="G15" s="8">
        <v>2494175685.6470413</v>
      </c>
      <c r="H15" s="40">
        <v>4458339038.0940857</v>
      </c>
    </row>
    <row r="16" spans="1:8">
      <c r="A16" s="12">
        <v>12</v>
      </c>
      <c r="B16" s="38">
        <v>8.3333333333333329E-2</v>
      </c>
      <c r="C16" s="41">
        <v>11877027.074509719</v>
      </c>
      <c r="D16" s="41">
        <v>1781554.0611764577</v>
      </c>
      <c r="E16" s="41">
        <v>298660351.47823536</v>
      </c>
      <c r="F16" s="7">
        <v>1870631764.2352805</v>
      </c>
      <c r="G16" s="7">
        <v>2375405414.9019437</v>
      </c>
      <c r="H16" s="41">
        <v>4246037179.1372242</v>
      </c>
    </row>
    <row r="17" spans="1:8">
      <c r="A17" s="14">
        <v>13</v>
      </c>
      <c r="B17" s="39">
        <v>7.6923076923076927E-2</v>
      </c>
      <c r="C17" s="40">
        <v>11311454.356675923</v>
      </c>
      <c r="D17" s="40">
        <v>1696718.1535013886</v>
      </c>
      <c r="E17" s="40">
        <v>311668523.98841268</v>
      </c>
      <c r="F17" s="8">
        <v>1781554061.1764579</v>
      </c>
      <c r="G17" s="8">
        <v>2262290871.3351851</v>
      </c>
      <c r="H17" s="40">
        <v>4043844932.5116429</v>
      </c>
    </row>
    <row r="18" spans="1:8">
      <c r="A18" s="12">
        <v>14</v>
      </c>
      <c r="B18" s="38">
        <v>7.1428571428571425E-2</v>
      </c>
      <c r="C18" s="41">
        <v>10772813.673024686</v>
      </c>
      <c r="D18" s="41">
        <v>1615922.050953703</v>
      </c>
      <c r="E18" s="41">
        <v>324057259.71239108</v>
      </c>
      <c r="F18" s="7">
        <v>1696718153.5013881</v>
      </c>
      <c r="G18" s="7">
        <v>2154562734.6049376</v>
      </c>
      <c r="H18" s="41">
        <v>3851280888.1063256</v>
      </c>
    </row>
    <row r="19" spans="1:8">
      <c r="A19" s="14">
        <v>15</v>
      </c>
      <c r="B19" s="39">
        <v>6.6666666666666666E-2</v>
      </c>
      <c r="C19" s="40">
        <v>10259822.545737801</v>
      </c>
      <c r="D19" s="40">
        <v>1538973.3818606699</v>
      </c>
      <c r="E19" s="40">
        <v>335856055.63998955</v>
      </c>
      <c r="F19" s="8">
        <v>1615922050.9537034</v>
      </c>
      <c r="G19" s="8">
        <v>2051964509.1475601</v>
      </c>
      <c r="H19" s="40">
        <v>3667886560.1012635</v>
      </c>
    </row>
    <row r="20" spans="1:8">
      <c r="A20" s="12">
        <v>16</v>
      </c>
      <c r="B20" s="38">
        <v>6.25E-2</v>
      </c>
      <c r="C20" s="41">
        <v>9771259.5673693307</v>
      </c>
      <c r="D20" s="41">
        <v>1465688.9351053995</v>
      </c>
      <c r="E20" s="41">
        <v>347093004.14246428</v>
      </c>
      <c r="F20" s="7">
        <v>1538973381.8606696</v>
      </c>
      <c r="G20" s="7">
        <v>1954251913.4738662</v>
      </c>
      <c r="H20" s="41">
        <v>3493225295.3345356</v>
      </c>
    </row>
    <row r="21" spans="1:8">
      <c r="A21" s="14">
        <v>17</v>
      </c>
      <c r="B21" s="39">
        <v>5.8823529411764705E-2</v>
      </c>
      <c r="C21" s="40">
        <v>9305961.4927326962</v>
      </c>
      <c r="D21" s="40">
        <v>1395894.2239099045</v>
      </c>
      <c r="E21" s="40">
        <v>357794859.8591069</v>
      </c>
      <c r="F21" s="8">
        <v>1465688935.1053996</v>
      </c>
      <c r="G21" s="8">
        <v>1861192298.5465393</v>
      </c>
      <c r="H21" s="40">
        <v>3326881233.6519389</v>
      </c>
    </row>
    <row r="22" spans="1:8">
      <c r="A22" s="12">
        <v>18</v>
      </c>
      <c r="B22" s="38">
        <v>5.5555555555555552E-2</v>
      </c>
      <c r="C22" s="41">
        <v>8862820.4692692328</v>
      </c>
      <c r="D22" s="41">
        <v>1329423.0703903849</v>
      </c>
      <c r="E22" s="41">
        <v>367987103.39876652</v>
      </c>
      <c r="F22" s="7">
        <v>1395894223.9099042</v>
      </c>
      <c r="G22" s="7">
        <v>1772564093.8538465</v>
      </c>
      <c r="H22" s="41">
        <v>3168458317.763751</v>
      </c>
    </row>
    <row r="23" spans="1:8">
      <c r="A23" s="14">
        <v>19</v>
      </c>
      <c r="B23" s="39">
        <v>5.2631578947368418E-2</v>
      </c>
      <c r="C23" s="40">
        <v>8440781.3993040323</v>
      </c>
      <c r="D23" s="40">
        <v>1266117.2098956048</v>
      </c>
      <c r="E23" s="40">
        <v>377694002.00796616</v>
      </c>
      <c r="F23" s="8">
        <v>1329423070.3903849</v>
      </c>
      <c r="G23" s="8">
        <v>1688156279.8608065</v>
      </c>
      <c r="H23" s="40">
        <v>3017579350.2511911</v>
      </c>
    </row>
    <row r="24" spans="1:8">
      <c r="A24" s="12">
        <v>20</v>
      </c>
      <c r="B24" s="38">
        <v>0.05</v>
      </c>
      <c r="C24" s="41">
        <v>8038839.4279086012</v>
      </c>
      <c r="D24" s="41">
        <v>1205825.9141862902</v>
      </c>
      <c r="E24" s="41">
        <v>386938667.35006106</v>
      </c>
      <c r="F24" s="7">
        <v>1266117209.8956046</v>
      </c>
      <c r="G24" s="7">
        <v>1607767885.5817204</v>
      </c>
      <c r="H24" s="41">
        <v>2873885095.477325</v>
      </c>
    </row>
    <row r="25" spans="1:8">
      <c r="A25" s="14">
        <v>21</v>
      </c>
      <c r="B25" s="39">
        <v>4.7619047619047616E-2</v>
      </c>
      <c r="C25" s="40">
        <v>7656037.5503891455</v>
      </c>
      <c r="D25" s="40">
        <v>1148405.6325583719</v>
      </c>
      <c r="E25" s="40">
        <v>395743110.53300858</v>
      </c>
      <c r="F25" s="8">
        <v>1205825914.1862903</v>
      </c>
      <c r="G25" s="8">
        <v>1531207510.0778291</v>
      </c>
      <c r="H25" s="40">
        <v>2737033424.2641191</v>
      </c>
    </row>
    <row r="26" spans="1:8">
      <c r="A26" s="12">
        <v>22</v>
      </c>
      <c r="B26" s="38">
        <v>4.5454545454545456E-2</v>
      </c>
      <c r="C26" s="41">
        <v>7291464.3337039482</v>
      </c>
      <c r="D26" s="41">
        <v>1093719.6500555922</v>
      </c>
      <c r="E26" s="41">
        <v>404128294.5167681</v>
      </c>
      <c r="F26" s="7">
        <v>1148405632.5583718</v>
      </c>
      <c r="G26" s="7">
        <v>1458292866.7407897</v>
      </c>
      <c r="H26" s="41">
        <v>2606698499.2991614</v>
      </c>
    </row>
    <row r="27" spans="1:8">
      <c r="A27" s="14">
        <v>23</v>
      </c>
      <c r="B27" s="39">
        <v>4.3478260869565216E-2</v>
      </c>
      <c r="C27" s="40">
        <v>6944251.7463847129</v>
      </c>
      <c r="D27" s="40">
        <v>1041637.7619577069</v>
      </c>
      <c r="E27" s="40">
        <v>412114184.02511054</v>
      </c>
      <c r="F27" s="8">
        <v>1093719650.0555923</v>
      </c>
      <c r="G27" s="8">
        <v>1388850349.2769427</v>
      </c>
      <c r="H27" s="40">
        <v>2482569999.3325348</v>
      </c>
    </row>
    <row r="28" spans="1:8">
      <c r="A28" s="12">
        <v>24</v>
      </c>
      <c r="B28" s="38">
        <v>4.1666666666666664E-2</v>
      </c>
      <c r="C28" s="41">
        <v>6613573.091794963</v>
      </c>
      <c r="D28" s="41">
        <v>992035.96376924438</v>
      </c>
      <c r="E28" s="41">
        <v>419719793.08067477</v>
      </c>
      <c r="F28" s="7">
        <v>1041637761.9577066</v>
      </c>
      <c r="G28" s="7">
        <v>1322714618.3589926</v>
      </c>
      <c r="H28" s="41">
        <v>2364352380.316699</v>
      </c>
    </row>
    <row r="29" spans="1:8">
      <c r="A29" s="14">
        <v>25</v>
      </c>
      <c r="B29" s="39">
        <v>0.04</v>
      </c>
      <c r="C29" s="40">
        <v>6298641.0398047278</v>
      </c>
      <c r="D29" s="40">
        <v>944796.15597070917</v>
      </c>
      <c r="E29" s="40">
        <v>426963230.27645022</v>
      </c>
      <c r="F29" s="8">
        <v>992035963.76924467</v>
      </c>
      <c r="G29" s="8">
        <v>1259728207.9609456</v>
      </c>
      <c r="H29" s="40">
        <v>2251764171.7301903</v>
      </c>
    </row>
    <row r="30" spans="1:8">
      <c r="A30" s="12">
        <v>26</v>
      </c>
      <c r="B30" s="38">
        <v>3.8461538461538464E-2</v>
      </c>
      <c r="C30" s="41">
        <v>5998705.7521949783</v>
      </c>
      <c r="D30" s="41">
        <v>899805.86282924667</v>
      </c>
      <c r="E30" s="41">
        <v>433861741.89147443</v>
      </c>
      <c r="F30" s="7">
        <v>944796155.97070909</v>
      </c>
      <c r="G30" s="7">
        <v>1199741150.4389956</v>
      </c>
      <c r="H30" s="41">
        <v>2144537306.4097047</v>
      </c>
    </row>
    <row r="31" spans="1:8">
      <c r="A31" s="14">
        <v>27</v>
      </c>
      <c r="B31" s="39">
        <v>3.7037037037037035E-2</v>
      </c>
      <c r="C31" s="40">
        <v>5713053.0973285502</v>
      </c>
      <c r="D31" s="40">
        <v>856957.96459928248</v>
      </c>
      <c r="E31" s="40">
        <v>440431752.95340228</v>
      </c>
      <c r="F31" s="8">
        <v>899805862.82924664</v>
      </c>
      <c r="G31" s="8">
        <v>1142610619.4657102</v>
      </c>
      <c r="H31" s="40">
        <v>2042416482.2949567</v>
      </c>
    </row>
    <row r="32" spans="1:8">
      <c r="A32" s="12">
        <v>28</v>
      </c>
      <c r="B32" s="38">
        <v>3.5714285714285712E-2</v>
      </c>
      <c r="C32" s="41">
        <v>5441002.9498367142</v>
      </c>
      <c r="D32" s="41">
        <v>816150.44247550715</v>
      </c>
      <c r="E32" s="41">
        <v>446688906.34571451</v>
      </c>
      <c r="F32" s="7">
        <v>856957964.5992825</v>
      </c>
      <c r="G32" s="7">
        <v>1088200589.9673429</v>
      </c>
      <c r="H32" s="41">
        <v>1945158554.5666254</v>
      </c>
    </row>
    <row r="33" spans="1:8">
      <c r="A33" s="14">
        <v>29</v>
      </c>
      <c r="B33" s="39">
        <v>3.4482758620689655E-2</v>
      </c>
      <c r="C33" s="40">
        <v>5181907.5712730624</v>
      </c>
      <c r="D33" s="40">
        <v>777286.1356909594</v>
      </c>
      <c r="E33" s="40">
        <v>452648100.05267853</v>
      </c>
      <c r="F33" s="8">
        <v>816150442.47550738</v>
      </c>
      <c r="G33" s="8">
        <v>1036381514.2546126</v>
      </c>
      <c r="H33" s="40">
        <v>1852531956.7301199</v>
      </c>
    </row>
    <row r="34" spans="1:8">
      <c r="A34" s="12">
        <v>30</v>
      </c>
      <c r="B34" s="38">
        <v>3.3333333333333333E-2</v>
      </c>
      <c r="C34" s="41">
        <v>4935150.0678791059</v>
      </c>
      <c r="D34" s="41">
        <v>740272.51018186589</v>
      </c>
      <c r="E34" s="41">
        <v>458323522.63073951</v>
      </c>
      <c r="F34" s="7">
        <v>777286135.6909591</v>
      </c>
      <c r="G34" s="7">
        <v>987030013.57582116</v>
      </c>
      <c r="H34" s="41">
        <v>1764316149.2667804</v>
      </c>
    </row>
    <row r="35" spans="1:8">
      <c r="A35" s="14">
        <v>31</v>
      </c>
      <c r="B35" s="39">
        <v>3.2258064516129031E-2</v>
      </c>
      <c r="C35" s="40">
        <v>4700142.9217896257</v>
      </c>
      <c r="D35" s="40">
        <v>705021.43826844392</v>
      </c>
      <c r="E35" s="40">
        <v>463728686.99079758</v>
      </c>
      <c r="F35" s="8">
        <v>740272510.18186605</v>
      </c>
      <c r="G35" s="8">
        <v>940028584.3579253</v>
      </c>
      <c r="H35" s="40">
        <v>1680301094.5397913</v>
      </c>
    </row>
    <row r="36" spans="1:8">
      <c r="A36" s="12">
        <v>32</v>
      </c>
      <c r="B36" s="38">
        <v>3.125E-2</v>
      </c>
      <c r="C36" s="41">
        <v>4476326.5921805948</v>
      </c>
      <c r="D36" s="41">
        <v>671448.9888270892</v>
      </c>
      <c r="E36" s="41">
        <v>468876462.57180524</v>
      </c>
      <c r="F36" s="7">
        <v>705021438.26844358</v>
      </c>
      <c r="G36" s="7">
        <v>895265318.43611896</v>
      </c>
      <c r="H36" s="41">
        <v>1600286756.7045627</v>
      </c>
    </row>
    <row r="37" spans="1:8">
      <c r="A37" s="14">
        <v>33</v>
      </c>
      <c r="B37" s="39">
        <v>3.0303030303030304E-2</v>
      </c>
      <c r="C37" s="40">
        <v>4263168.1830291385</v>
      </c>
      <c r="D37" s="40">
        <v>639475.2274543707</v>
      </c>
      <c r="E37" s="40">
        <v>473779105.98228872</v>
      </c>
      <c r="F37" s="8">
        <v>671448988.82708919</v>
      </c>
      <c r="G37" s="8">
        <v>852633636.60582769</v>
      </c>
      <c r="H37" s="40">
        <v>1524082625.4329169</v>
      </c>
    </row>
    <row r="38" spans="1:8">
      <c r="A38" s="12">
        <v>34</v>
      </c>
      <c r="B38" s="38">
        <v>2.9411764705882353E-2</v>
      </c>
      <c r="C38" s="41">
        <v>4060160.1743134647</v>
      </c>
      <c r="D38" s="41">
        <v>609024.0261470197</v>
      </c>
      <c r="E38" s="41">
        <v>478448290.18274921</v>
      </c>
      <c r="F38" s="7">
        <v>639475227.45437074</v>
      </c>
      <c r="G38" s="7">
        <v>812032034.86269295</v>
      </c>
      <c r="H38" s="41">
        <v>1451507262.3170638</v>
      </c>
    </row>
    <row r="39" spans="1:8">
      <c r="A39" s="14">
        <v>35</v>
      </c>
      <c r="B39" s="39">
        <v>2.8571428571428571E-2</v>
      </c>
      <c r="C39" s="40">
        <v>3866819.2136318712</v>
      </c>
      <c r="D39" s="40">
        <v>580022.88204478065</v>
      </c>
      <c r="E39" s="40">
        <v>482895132.27842587</v>
      </c>
      <c r="F39" s="8">
        <v>609024026.14701974</v>
      </c>
      <c r="G39" s="8">
        <v>773363842.72637427</v>
      </c>
      <c r="H39" s="40">
        <v>1382387868.873394</v>
      </c>
    </row>
    <row r="40" spans="1:8">
      <c r="A40" s="12">
        <v>36</v>
      </c>
      <c r="B40" s="38">
        <v>2.7777777777777776E-2</v>
      </c>
      <c r="C40" s="41">
        <v>3682684.9653636864</v>
      </c>
      <c r="D40" s="41">
        <v>552402.74480455299</v>
      </c>
      <c r="E40" s="41">
        <v>487130219.98859411</v>
      </c>
      <c r="F40" s="7">
        <v>580022882.04478061</v>
      </c>
      <c r="G40" s="7">
        <v>736536993.07273734</v>
      </c>
      <c r="H40" s="41">
        <v>1316559875.1175179</v>
      </c>
    </row>
    <row r="41" spans="1:8">
      <c r="A41" s="14">
        <v>37</v>
      </c>
      <c r="B41" s="39">
        <v>2.7027027027027029E-2</v>
      </c>
      <c r="C41" s="40">
        <v>3507319.014632083</v>
      </c>
      <c r="D41" s="40">
        <v>526097.85219481238</v>
      </c>
      <c r="E41" s="40">
        <v>491163636.85542101</v>
      </c>
      <c r="F41" s="8">
        <v>552402744.80455303</v>
      </c>
      <c r="G41" s="8">
        <v>701463802.92641664</v>
      </c>
      <c r="H41" s="40">
        <v>1253866547.7309697</v>
      </c>
    </row>
    <row r="42" spans="1:8">
      <c r="A42" s="12">
        <v>38</v>
      </c>
      <c r="B42" s="38">
        <v>2.6315789473684209E-2</v>
      </c>
      <c r="C42" s="41">
        <v>3340303.8234591261</v>
      </c>
      <c r="D42" s="41">
        <v>501045.57351886889</v>
      </c>
      <c r="E42" s="41">
        <v>495004986.25239903</v>
      </c>
      <c r="F42" s="7">
        <v>526097852.1948123</v>
      </c>
      <c r="G42" s="7">
        <v>668060764.69182527</v>
      </c>
      <c r="H42" s="41">
        <v>1194158616.8866377</v>
      </c>
    </row>
    <row r="43" spans="1:8">
      <c r="A43" s="14">
        <v>39</v>
      </c>
      <c r="B43" s="39">
        <v>2.564102564102564E-2</v>
      </c>
      <c r="C43" s="40">
        <v>3181241.7366277399</v>
      </c>
      <c r="D43" s="40">
        <v>477186.26049416099</v>
      </c>
      <c r="E43" s="40">
        <v>498663414.24952096</v>
      </c>
      <c r="F43" s="8">
        <v>501045573.51886898</v>
      </c>
      <c r="G43" s="8">
        <v>636248347.32554805</v>
      </c>
      <c r="H43" s="40">
        <v>1137293920.8444171</v>
      </c>
    </row>
    <row r="44" spans="1:8">
      <c r="A44" s="12">
        <v>40</v>
      </c>
      <c r="B44" s="38">
        <v>2.5000000000000001E-2</v>
      </c>
      <c r="C44" s="41">
        <v>3029754.0348835611</v>
      </c>
      <c r="D44" s="41">
        <v>454463.10523253417</v>
      </c>
      <c r="E44" s="41">
        <v>502147631.38963705</v>
      </c>
      <c r="F44" s="7">
        <v>477186260.49416089</v>
      </c>
      <c r="G44" s="7">
        <v>605950806.97671223</v>
      </c>
      <c r="H44" s="41">
        <v>1083137067.4708731</v>
      </c>
    </row>
    <row r="45" spans="1:8">
      <c r="A45" s="14">
        <v>41</v>
      </c>
      <c r="B45" s="39">
        <v>2.4390243902439025E-2</v>
      </c>
      <c r="C45" s="40">
        <v>2885480.0332224397</v>
      </c>
      <c r="D45" s="40">
        <v>432822.00498336594</v>
      </c>
      <c r="E45" s="40">
        <v>505465933.42784286</v>
      </c>
      <c r="F45" s="8">
        <v>454463105.23253423</v>
      </c>
      <c r="G45" s="8">
        <v>577096006.64448798</v>
      </c>
      <c r="H45" s="40">
        <v>1031559111.8770223</v>
      </c>
    </row>
    <row r="46" spans="1:8">
      <c r="A46" s="12">
        <v>42</v>
      </c>
      <c r="B46" s="38">
        <v>2.3809523809523808E-2</v>
      </c>
      <c r="C46" s="41">
        <v>2748076.2221166091</v>
      </c>
      <c r="D46" s="41">
        <v>412211.43331749132</v>
      </c>
      <c r="E46" s="41">
        <v>508626221.08327693</v>
      </c>
      <c r="F46" s="7">
        <v>432822004.98336589</v>
      </c>
      <c r="G46" s="7">
        <v>549615244.42332184</v>
      </c>
      <c r="H46" s="41">
        <v>982437249.40668774</v>
      </c>
    </row>
    <row r="47" spans="1:8">
      <c r="A47" s="14">
        <v>43</v>
      </c>
      <c r="B47" s="39">
        <v>2.3255813953488372E-2</v>
      </c>
      <c r="C47" s="40">
        <v>2617215.4496348659</v>
      </c>
      <c r="D47" s="40">
        <v>392582.31744522986</v>
      </c>
      <c r="E47" s="40">
        <v>511636018.850357</v>
      </c>
      <c r="F47" s="8">
        <v>412211433.31749135</v>
      </c>
      <c r="G47" s="8">
        <v>523443089.92697316</v>
      </c>
      <c r="H47" s="40">
        <v>935654523.24446452</v>
      </c>
    </row>
    <row r="48" spans="1:8">
      <c r="A48" s="12">
        <v>44</v>
      </c>
      <c r="B48" s="38">
        <v>2.2727272727272728E-2</v>
      </c>
      <c r="C48" s="41">
        <v>2492586.1425093957</v>
      </c>
      <c r="D48" s="41">
        <v>373887.92137640936</v>
      </c>
      <c r="E48" s="41">
        <v>514502492.9142428</v>
      </c>
      <c r="F48" s="7">
        <v>392582317.44522977</v>
      </c>
      <c r="G48" s="7">
        <v>498517228.50187916</v>
      </c>
      <c r="H48" s="41">
        <v>891099545.94710898</v>
      </c>
    </row>
    <row r="49" spans="1:8">
      <c r="A49" s="14">
        <v>45</v>
      </c>
      <c r="B49" s="39">
        <v>2.2222222222222223E-2</v>
      </c>
      <c r="C49" s="40">
        <v>2373891.5642946628</v>
      </c>
      <c r="D49" s="40">
        <v>356083.73464419937</v>
      </c>
      <c r="E49" s="40">
        <v>517232468.21318167</v>
      </c>
      <c r="F49" s="8">
        <v>373887921.37640935</v>
      </c>
      <c r="G49" s="8">
        <v>474778312.85893255</v>
      </c>
      <c r="H49" s="40">
        <v>848666234.23534191</v>
      </c>
    </row>
    <row r="50" spans="1:8">
      <c r="A50" s="12">
        <v>46</v>
      </c>
      <c r="B50" s="38">
        <v>2.1739130434782608E-2</v>
      </c>
      <c r="C50" s="41">
        <v>2260849.1088520591</v>
      </c>
      <c r="D50" s="41">
        <v>339127.36632780888</v>
      </c>
      <c r="E50" s="41">
        <v>519832444.68836153</v>
      </c>
      <c r="F50" s="7">
        <v>356083734.64419931</v>
      </c>
      <c r="G50" s="7">
        <v>452169821.77041185</v>
      </c>
      <c r="H50" s="41">
        <v>808253556.4146111</v>
      </c>
    </row>
    <row r="51" spans="1:8">
      <c r="A51" s="14">
        <v>47</v>
      </c>
      <c r="B51" s="39">
        <v>2.1276595744680851E-2</v>
      </c>
      <c r="C51" s="40">
        <v>2153189.627478152</v>
      </c>
      <c r="D51" s="40">
        <v>322978.44412172277</v>
      </c>
      <c r="E51" s="40">
        <v>522308612.75996143</v>
      </c>
      <c r="F51" s="8">
        <v>339127366.32780892</v>
      </c>
      <c r="G51" s="8">
        <v>430637925.49563044</v>
      </c>
      <c r="H51" s="40">
        <v>769765291.82343936</v>
      </c>
    </row>
    <row r="52" spans="1:8">
      <c r="A52" s="12">
        <v>48</v>
      </c>
      <c r="B52" s="38">
        <v>2.0833333333333332E-2</v>
      </c>
      <c r="C52" s="41">
        <v>2050656.7880744298</v>
      </c>
      <c r="D52" s="41">
        <v>307598.51821116445</v>
      </c>
      <c r="E52" s="41">
        <v>524666868.06624705</v>
      </c>
      <c r="F52" s="7">
        <v>322978444.1217227</v>
      </c>
      <c r="G52" s="7">
        <v>410131357.61488599</v>
      </c>
      <c r="H52" s="41">
        <v>733109801.73660874</v>
      </c>
    </row>
    <row r="53" spans="1:8">
      <c r="A53" s="14">
        <v>49</v>
      </c>
      <c r="B53" s="39">
        <v>2.0408163265306121E-2</v>
      </c>
      <c r="C53" s="40">
        <v>1953006.4648327907</v>
      </c>
      <c r="D53" s="40">
        <v>292950.9697249186</v>
      </c>
      <c r="E53" s="40">
        <v>526912825.50080478</v>
      </c>
      <c r="F53" s="8">
        <v>307598518.21116453</v>
      </c>
      <c r="G53" s="8">
        <v>390601292.96655816</v>
      </c>
      <c r="H53" s="40">
        <v>698199811.17772269</v>
      </c>
    </row>
    <row r="54" spans="1:8">
      <c r="A54" s="12">
        <v>50</v>
      </c>
      <c r="B54" s="38">
        <v>0.02</v>
      </c>
      <c r="C54" s="41">
        <v>1860006.15698361</v>
      </c>
      <c r="D54" s="41">
        <v>279000.92354754149</v>
      </c>
      <c r="E54" s="41">
        <v>529051832.58133596</v>
      </c>
      <c r="F54" s="7">
        <v>292950969.7249186</v>
      </c>
      <c r="G54" s="7">
        <v>372001231.39672202</v>
      </c>
      <c r="H54" s="41">
        <v>664952201.12164068</v>
      </c>
    </row>
    <row r="55" spans="1:8">
      <c r="A55" s="14">
        <v>51</v>
      </c>
      <c r="B55" s="39">
        <v>1.9607843137254902E-2</v>
      </c>
      <c r="C55" s="40">
        <v>1771434.4352224856</v>
      </c>
      <c r="D55" s="40">
        <v>265715.16528337286</v>
      </c>
      <c r="E55" s="40">
        <v>531088982.18184179</v>
      </c>
      <c r="F55" s="8">
        <v>279000923.5475415</v>
      </c>
      <c r="G55" s="8">
        <v>354286887.04449713</v>
      </c>
      <c r="H55" s="40">
        <v>633287810.59203863</v>
      </c>
    </row>
    <row r="56" spans="1:8">
      <c r="A56" s="12">
        <v>52</v>
      </c>
      <c r="B56" s="38">
        <v>1.9230769230769232E-2</v>
      </c>
      <c r="C56" s="41">
        <v>1687080.4144976053</v>
      </c>
      <c r="D56" s="41">
        <v>253062.0621746408</v>
      </c>
      <c r="E56" s="41">
        <v>533029124.65851402</v>
      </c>
      <c r="F56" s="7">
        <v>265715165.28337285</v>
      </c>
      <c r="G56" s="7">
        <v>337416082.89952111</v>
      </c>
      <c r="H56" s="41">
        <v>603131248.18289399</v>
      </c>
    </row>
    <row r="57" spans="1:8">
      <c r="A57" s="14">
        <v>53</v>
      </c>
      <c r="B57" s="39">
        <v>1.8867924528301886E-2</v>
      </c>
      <c r="C57" s="40">
        <v>1606743.2519024813</v>
      </c>
      <c r="D57" s="40">
        <v>241011.48778537218</v>
      </c>
      <c r="E57" s="40">
        <v>534876879.39820188</v>
      </c>
      <c r="F57" s="8">
        <v>253062062.1746408</v>
      </c>
      <c r="G57" s="8">
        <v>321348650.38049626</v>
      </c>
      <c r="H57" s="40">
        <v>574410712.55513704</v>
      </c>
    </row>
    <row r="58" spans="1:8">
      <c r="A58" s="12">
        <v>54</v>
      </c>
      <c r="B58" s="38">
        <v>1.8518518518518517E-2</v>
      </c>
      <c r="C58" s="41">
        <v>1530231.6684785536</v>
      </c>
      <c r="D58" s="41">
        <v>229534.75027178304</v>
      </c>
      <c r="E58" s="41">
        <v>536636645.81695223</v>
      </c>
      <c r="F58" s="7">
        <v>241011487.7853722</v>
      </c>
      <c r="G58" s="7">
        <v>306046333.69571072</v>
      </c>
      <c r="H58" s="41">
        <v>547057821.48108292</v>
      </c>
    </row>
    <row r="59" spans="1:8">
      <c r="A59" s="14">
        <v>55</v>
      </c>
      <c r="B59" s="39">
        <v>1.8181818181818181E-2</v>
      </c>
      <c r="C59" s="40">
        <v>1457363.4937890989</v>
      </c>
      <c r="D59" s="40">
        <v>218604.52406836484</v>
      </c>
      <c r="E59" s="40">
        <v>538312613.83480966</v>
      </c>
      <c r="F59" s="8">
        <v>229534750.27178308</v>
      </c>
      <c r="G59" s="8">
        <v>291472698.75781983</v>
      </c>
      <c r="H59" s="40">
        <v>521007449.02960289</v>
      </c>
    </row>
    <row r="60" spans="1:8">
      <c r="A60" s="12">
        <v>56</v>
      </c>
      <c r="B60" s="38">
        <v>1.7857142857142856E-2</v>
      </c>
      <c r="C60" s="41">
        <v>1387965.2321800939</v>
      </c>
      <c r="D60" s="41">
        <v>208194.78482701408</v>
      </c>
      <c r="E60" s="41">
        <v>539908773.85181677</v>
      </c>
      <c r="F60" s="7">
        <v>218604524.0683648</v>
      </c>
      <c r="G60" s="7">
        <v>277593046.43601882</v>
      </c>
      <c r="H60" s="41">
        <v>496197570.50438362</v>
      </c>
    </row>
    <row r="61" spans="1:8">
      <c r="A61" s="14">
        <v>57</v>
      </c>
      <c r="B61" s="39">
        <v>1.7543859649122806E-2</v>
      </c>
      <c r="C61" s="40">
        <v>1321871.6496953277</v>
      </c>
      <c r="D61" s="40">
        <v>198280.74745429915</v>
      </c>
      <c r="E61" s="40">
        <v>541428926.24896646</v>
      </c>
      <c r="F61" s="8">
        <v>208194784.82701412</v>
      </c>
      <c r="G61" s="8">
        <v>264374329.93906558</v>
      </c>
      <c r="H61" s="40">
        <v>472569114.76607966</v>
      </c>
    </row>
    <row r="62" spans="1:8">
      <c r="A62" s="12">
        <v>58</v>
      </c>
      <c r="B62" s="38">
        <v>1.7241379310344827E-2</v>
      </c>
      <c r="C62" s="41">
        <v>1258925.3806622168</v>
      </c>
      <c r="D62" s="41">
        <v>188838.80709933251</v>
      </c>
      <c r="E62" s="41">
        <v>542876690.436728</v>
      </c>
      <c r="F62" s="7">
        <v>198280747.45429915</v>
      </c>
      <c r="G62" s="7">
        <v>251785076.13244337</v>
      </c>
      <c r="H62" s="41">
        <v>450065823.58674252</v>
      </c>
    </row>
    <row r="63" spans="1:8">
      <c r="A63" s="14">
        <v>59</v>
      </c>
      <c r="B63" s="39">
        <v>1.6949152542372881E-2</v>
      </c>
      <c r="C63" s="40">
        <v>1198976.5530116349</v>
      </c>
      <c r="D63" s="40">
        <v>179846.48295174522</v>
      </c>
      <c r="E63" s="40">
        <v>544255513.47269142</v>
      </c>
      <c r="F63" s="8">
        <v>188838807.09933248</v>
      </c>
      <c r="G63" s="8">
        <v>239795310.60232699</v>
      </c>
      <c r="H63" s="40">
        <v>428634117.70165944</v>
      </c>
    </row>
    <row r="64" spans="1:8">
      <c r="A64" s="12">
        <v>60</v>
      </c>
      <c r="B64" s="38">
        <v>1.6666666666666666E-2</v>
      </c>
      <c r="C64" s="41">
        <v>1141882.4314396523</v>
      </c>
      <c r="D64" s="41">
        <v>171282.36471594783</v>
      </c>
      <c r="E64" s="41">
        <v>545568678.26884699</v>
      </c>
      <c r="F64" s="7">
        <v>179846482.95174521</v>
      </c>
      <c r="G64" s="7">
        <v>228376486.28793046</v>
      </c>
      <c r="H64" s="41">
        <v>408222969.23967564</v>
      </c>
    </row>
    <row r="65" spans="1:8">
      <c r="A65" s="14">
        <v>61</v>
      </c>
      <c r="B65" s="39">
        <v>1.6393442622950821E-2</v>
      </c>
      <c r="C65" s="40">
        <v>1087507.0775615738</v>
      </c>
      <c r="D65" s="40">
        <v>163126.06163423604</v>
      </c>
      <c r="E65" s="40">
        <v>546819311.40804279</v>
      </c>
      <c r="F65" s="8">
        <v>171282364.71594787</v>
      </c>
      <c r="G65" s="8">
        <v>217501415.51231477</v>
      </c>
      <c r="H65" s="40">
        <v>388783780.22826266</v>
      </c>
    </row>
    <row r="66" spans="1:8">
      <c r="A66" s="12">
        <v>62</v>
      </c>
      <c r="B66" s="38">
        <v>1.6129032258064516E-2</v>
      </c>
      <c r="C66" s="41">
        <v>1035721.0262491177</v>
      </c>
      <c r="D66" s="41">
        <v>155358.15393736764</v>
      </c>
      <c r="E66" s="41">
        <v>548010390.5882293</v>
      </c>
      <c r="F66" s="7">
        <v>163126061.63423604</v>
      </c>
      <c r="G66" s="7">
        <v>207144205.24982354</v>
      </c>
      <c r="H66" s="41">
        <v>370270266.88405955</v>
      </c>
    </row>
    <row r="67" spans="1:8">
      <c r="A67" s="14">
        <v>63</v>
      </c>
      <c r="B67" s="39">
        <v>1.5873015873015872E-2</v>
      </c>
      <c r="C67" s="40">
        <v>986400.97738011251</v>
      </c>
      <c r="D67" s="40">
        <v>147960.14660701685</v>
      </c>
      <c r="E67" s="40">
        <v>549144751.71221638</v>
      </c>
      <c r="F67" s="8">
        <v>155358153.93736771</v>
      </c>
      <c r="G67" s="8">
        <v>197280195.47602251</v>
      </c>
      <c r="H67" s="40">
        <v>352638349.41339022</v>
      </c>
    </row>
    <row r="68" spans="1:8">
      <c r="A68" s="12">
        <v>64</v>
      </c>
      <c r="B68" s="38">
        <v>1.5625E-2</v>
      </c>
      <c r="C68" s="41">
        <v>939429.50226677337</v>
      </c>
      <c r="D68" s="41">
        <v>140914.42534001599</v>
      </c>
      <c r="E68" s="41">
        <v>550225095.6398232</v>
      </c>
      <c r="F68" s="7">
        <v>147960146.6070168</v>
      </c>
      <c r="G68" s="7">
        <v>187885900.45335469</v>
      </c>
      <c r="H68" s="41">
        <v>335846047.06037152</v>
      </c>
    </row>
    <row r="69" spans="1:8">
      <c r="A69" s="14">
        <v>65</v>
      </c>
      <c r="B69" s="39">
        <v>1.5384615384615385E-2</v>
      </c>
      <c r="C69" s="40">
        <v>894694.7640635937</v>
      </c>
      <c r="D69" s="40">
        <v>134204.21460953905</v>
      </c>
      <c r="E69" s="40">
        <v>551253994.6184963</v>
      </c>
      <c r="F69" s="8">
        <v>140914425.34001601</v>
      </c>
      <c r="G69" s="8">
        <v>178938952.81271875</v>
      </c>
      <c r="H69" s="40">
        <v>319853378.15273476</v>
      </c>
    </row>
    <row r="70" spans="1:8">
      <c r="A70" s="12">
        <v>66</v>
      </c>
      <c r="B70" s="38">
        <v>1.5151515151515152E-2</v>
      </c>
      <c r="C70" s="41">
        <v>852090.25148913683</v>
      </c>
      <c r="D70" s="41">
        <v>127813.53772337052</v>
      </c>
      <c r="E70" s="41">
        <v>552233898.40770876</v>
      </c>
      <c r="F70" s="7">
        <v>134204214.60953905</v>
      </c>
      <c r="G70" s="7">
        <v>170418050.29782736</v>
      </c>
      <c r="H70" s="41">
        <v>304622264.90736639</v>
      </c>
    </row>
    <row r="71" spans="1:8">
      <c r="A71" s="14">
        <v>67</v>
      </c>
      <c r="B71" s="39">
        <v>1.4925373134328358E-2</v>
      </c>
      <c r="C71" s="40">
        <v>811514.52522774925</v>
      </c>
      <c r="D71" s="40">
        <v>121727.17878416239</v>
      </c>
      <c r="E71" s="40">
        <v>553167140.11172068</v>
      </c>
      <c r="F71" s="8">
        <v>127813537.72337051</v>
      </c>
      <c r="G71" s="8">
        <v>162302905.04554987</v>
      </c>
      <c r="H71" s="40">
        <v>290116442.76892036</v>
      </c>
    </row>
    <row r="72" spans="1:8">
      <c r="A72" s="12">
        <v>68</v>
      </c>
      <c r="B72" s="38">
        <v>1.4705882352941176E-2</v>
      </c>
      <c r="C72" s="41">
        <v>772870.97640738031</v>
      </c>
      <c r="D72" s="41">
        <v>115930.64646110704</v>
      </c>
      <c r="E72" s="41">
        <v>554055941.73458922</v>
      </c>
      <c r="F72" s="7">
        <v>121727178.78416239</v>
      </c>
      <c r="G72" s="7">
        <v>154574195.28147605</v>
      </c>
      <c r="H72" s="41">
        <v>276301374.06563842</v>
      </c>
    </row>
    <row r="73" spans="1:8">
      <c r="A73" s="14">
        <v>69</v>
      </c>
      <c r="B73" s="39">
        <v>1.4492753623188406E-2</v>
      </c>
      <c r="C73" s="40">
        <v>736067.59657845751</v>
      </c>
      <c r="D73" s="40">
        <v>110410.13948676862</v>
      </c>
      <c r="E73" s="40">
        <v>554902419.47065449</v>
      </c>
      <c r="F73" s="8">
        <v>115930646.46110705</v>
      </c>
      <c r="G73" s="8">
        <v>147213519.3156915</v>
      </c>
      <c r="H73" s="40">
        <v>263144165.77679855</v>
      </c>
    </row>
    <row r="74" spans="1:8">
      <c r="A74" s="12">
        <v>70</v>
      </c>
      <c r="B74" s="38">
        <v>1.4285714285714285E-2</v>
      </c>
      <c r="C74" s="41">
        <v>701016.75864615</v>
      </c>
      <c r="D74" s="41">
        <v>105152.51379692249</v>
      </c>
      <c r="E74" s="41">
        <v>555708588.74309754</v>
      </c>
      <c r="F74" s="7">
        <v>110410139.48676862</v>
      </c>
      <c r="G74" s="7">
        <v>140203351.72922999</v>
      </c>
      <c r="H74" s="41">
        <v>250613491.21599859</v>
      </c>
    </row>
    <row r="75" spans="1:8">
      <c r="A75" s="14">
        <v>71</v>
      </c>
      <c r="B75" s="39">
        <v>1.4084507042253521E-2</v>
      </c>
      <c r="C75" s="40">
        <v>667635.00823442871</v>
      </c>
      <c r="D75" s="40">
        <v>100145.25123516429</v>
      </c>
      <c r="E75" s="40">
        <v>556476369.00256717</v>
      </c>
      <c r="F75" s="8">
        <v>105152513.7969225</v>
      </c>
      <c r="G75" s="8">
        <v>133527001.64688574</v>
      </c>
      <c r="H75" s="40">
        <v>238679515.44380826</v>
      </c>
    </row>
    <row r="76" spans="1:8">
      <c r="A76" s="12">
        <v>72</v>
      </c>
      <c r="B76" s="38">
        <v>1.3888888888888888E-2</v>
      </c>
      <c r="C76" s="41">
        <v>635842.86498517008</v>
      </c>
      <c r="D76" s="41">
        <v>95376.429747775503</v>
      </c>
      <c r="E76" s="41">
        <v>557207588.2973001</v>
      </c>
      <c r="F76" s="7">
        <v>100145251.23516427</v>
      </c>
      <c r="G76" s="7">
        <v>127168572.99703401</v>
      </c>
      <c r="H76" s="41">
        <v>227313824.2321983</v>
      </c>
    </row>
    <row r="77" spans="1:8">
      <c r="A77" s="14">
        <v>73</v>
      </c>
      <c r="B77" s="39">
        <v>1.3698630136986301E-2</v>
      </c>
      <c r="C77" s="40">
        <v>605564.63331920956</v>
      </c>
      <c r="D77" s="40">
        <v>90834.694997881423</v>
      </c>
      <c r="E77" s="40">
        <v>557903987.62561715</v>
      </c>
      <c r="F77" s="8">
        <v>95376429.747775495</v>
      </c>
      <c r="G77" s="8">
        <v>121112926.6638419</v>
      </c>
      <c r="H77" s="40">
        <v>216489356.4116174</v>
      </c>
    </row>
    <row r="78" spans="1:8">
      <c r="A78" s="12">
        <v>74</v>
      </c>
      <c r="B78" s="38">
        <v>1.3513513513513514E-2</v>
      </c>
      <c r="C78" s="41">
        <v>576728.22220877104</v>
      </c>
      <c r="D78" s="41">
        <v>86509.233331315656</v>
      </c>
      <c r="E78" s="41">
        <v>558567225.08115721</v>
      </c>
      <c r="F78" s="7">
        <v>90834694.997881427</v>
      </c>
      <c r="G78" s="7">
        <v>115345644.44175421</v>
      </c>
      <c r="H78" s="41">
        <v>206180339.43963563</v>
      </c>
    </row>
    <row r="79" spans="1:8">
      <c r="A79" s="14">
        <v>75</v>
      </c>
      <c r="B79" s="39">
        <v>1.3333333333333334E-2</v>
      </c>
      <c r="C79" s="40">
        <v>549264.97353216296</v>
      </c>
      <c r="D79" s="40">
        <v>82389.74602982444</v>
      </c>
      <c r="E79" s="40">
        <v>559198879.80071914</v>
      </c>
      <c r="F79" s="8">
        <v>86509233.331315652</v>
      </c>
      <c r="G79" s="8">
        <v>109852994.70643258</v>
      </c>
      <c r="H79" s="40">
        <v>196362228.03774822</v>
      </c>
    </row>
    <row r="80" spans="1:8">
      <c r="A80" s="12">
        <v>76</v>
      </c>
      <c r="B80" s="38">
        <v>1.3157894736842105E-2</v>
      </c>
      <c r="C80" s="41">
        <v>523109.49860205984</v>
      </c>
      <c r="D80" s="41">
        <v>78466.424790308971</v>
      </c>
      <c r="E80" s="41">
        <v>559800455.72411156</v>
      </c>
      <c r="F80" s="7">
        <v>82389746.029824421</v>
      </c>
      <c r="G80" s="7">
        <v>104621899.72041197</v>
      </c>
      <c r="H80" s="41">
        <v>187011645.75023639</v>
      </c>
    </row>
    <row r="81" spans="1:8">
      <c r="A81" s="14">
        <v>77</v>
      </c>
      <c r="B81" s="39">
        <v>1.2987012987012988E-2</v>
      </c>
      <c r="C81" s="40">
        <v>498199.5224781523</v>
      </c>
      <c r="D81" s="40">
        <v>74729.928371722839</v>
      </c>
      <c r="E81" s="40">
        <v>560373385.17496145</v>
      </c>
      <c r="F81" s="8">
        <v>78466424.790308982</v>
      </c>
      <c r="G81" s="8">
        <v>99639904.495630473</v>
      </c>
      <c r="H81" s="40">
        <v>178106329.28593946</v>
      </c>
    </row>
    <row r="82" spans="1:8">
      <c r="A82" s="12">
        <v>78</v>
      </c>
      <c r="B82" s="38">
        <v>1.282051282051282E-2</v>
      </c>
      <c r="C82" s="41">
        <v>474475.73569347826</v>
      </c>
      <c r="D82" s="41">
        <v>71171.360354021745</v>
      </c>
      <c r="E82" s="41">
        <v>560919032.27100897</v>
      </c>
      <c r="F82" s="7">
        <v>74729928.371722817</v>
      </c>
      <c r="G82" s="7">
        <v>94895147.138695657</v>
      </c>
      <c r="H82" s="41">
        <v>169625075.51041847</v>
      </c>
    </row>
    <row r="83" spans="1:8">
      <c r="A83" s="14">
        <v>79</v>
      </c>
      <c r="B83" s="39">
        <v>1.2658227848101266E-2</v>
      </c>
      <c r="C83" s="40">
        <v>451881.65304140805</v>
      </c>
      <c r="D83" s="40">
        <v>67782.247956211198</v>
      </c>
      <c r="E83" s="40">
        <v>561438696.17200661</v>
      </c>
      <c r="F83" s="8">
        <v>71171360.354021758</v>
      </c>
      <c r="G83" s="8">
        <v>90376330.608281612</v>
      </c>
      <c r="H83" s="40">
        <v>161547690.96230337</v>
      </c>
    </row>
    <row r="84" spans="1:8">
      <c r="A84" s="12">
        <v>80</v>
      </c>
      <c r="B84" s="38">
        <v>1.2500000000000001E-2</v>
      </c>
      <c r="C84" s="41">
        <v>430363.47908705514</v>
      </c>
      <c r="D84" s="41">
        <v>64554.521863058268</v>
      </c>
      <c r="E84" s="41">
        <v>561933614.17295671</v>
      </c>
      <c r="F84" s="7">
        <v>67782247.956211179</v>
      </c>
      <c r="G84" s="7">
        <v>86072695.81741102</v>
      </c>
      <c r="H84" s="41">
        <v>153854943.77362221</v>
      </c>
    </row>
    <row r="85" spans="1:8">
      <c r="A85" s="14">
        <v>81</v>
      </c>
      <c r="B85" s="39">
        <v>1.2345679012345678E-2</v>
      </c>
      <c r="C85" s="40">
        <v>409869.98008290963</v>
      </c>
      <c r="D85" s="40">
        <v>61480.497012436448</v>
      </c>
      <c r="E85" s="40">
        <v>562404964.65005207</v>
      </c>
      <c r="F85" s="8">
        <v>64554521.863058269</v>
      </c>
      <c r="G85" s="8">
        <v>81973996.016581938</v>
      </c>
      <c r="H85" s="40">
        <v>146528517.87964022</v>
      </c>
    </row>
    <row r="86" spans="1:8">
      <c r="A86" s="12">
        <v>82</v>
      </c>
      <c r="B86" s="38">
        <v>1.2195121951219513E-2</v>
      </c>
      <c r="C86" s="41">
        <v>390352.36198372341</v>
      </c>
      <c r="D86" s="41">
        <v>58552.854297558508</v>
      </c>
      <c r="E86" s="41">
        <v>562853869.86633337</v>
      </c>
      <c r="F86" s="7">
        <v>61480497.012436435</v>
      </c>
      <c r="G86" s="7">
        <v>78070472.396744683</v>
      </c>
      <c r="H86" s="41">
        <v>139550969.40918112</v>
      </c>
    </row>
    <row r="87" spans="1:8">
      <c r="A87" s="14">
        <v>83</v>
      </c>
      <c r="B87" s="39">
        <v>1.2048192771084338E-2</v>
      </c>
      <c r="C87" s="40">
        <v>371764.15427021275</v>
      </c>
      <c r="D87" s="40">
        <v>55764.623140531912</v>
      </c>
      <c r="E87" s="40">
        <v>563281398.64374411</v>
      </c>
      <c r="F87" s="8">
        <v>58552854.297558509</v>
      </c>
      <c r="G87" s="8">
        <v>74352830.85404256</v>
      </c>
      <c r="H87" s="40">
        <v>132905685.15160108</v>
      </c>
    </row>
    <row r="88" spans="1:8">
      <c r="A88" s="12">
        <v>84</v>
      </c>
      <c r="B88" s="38">
        <v>1.1904761904761904E-2</v>
      </c>
      <c r="C88" s="41">
        <v>354061.09930496453</v>
      </c>
      <c r="D88" s="41">
        <v>53109.164895744681</v>
      </c>
      <c r="E88" s="41">
        <v>563688568.9079448</v>
      </c>
      <c r="F88" s="7">
        <v>55764623.140531912</v>
      </c>
      <c r="G88" s="7">
        <v>70812219.860992908</v>
      </c>
      <c r="H88" s="41">
        <v>126576843.00152482</v>
      </c>
    </row>
    <row r="89" spans="1:8">
      <c r="A89" s="14">
        <v>85</v>
      </c>
      <c r="B89" s="39">
        <v>1.1764705882352941E-2</v>
      </c>
      <c r="C89" s="40">
        <v>337201.04695710907</v>
      </c>
      <c r="D89" s="40">
        <v>50580.15704356636</v>
      </c>
      <c r="E89" s="40">
        <v>564076350.11194551</v>
      </c>
      <c r="F89" s="8">
        <v>53109164.895744681</v>
      </c>
      <c r="G89" s="8">
        <v>67440209.391421825</v>
      </c>
      <c r="H89" s="40">
        <v>120549374.28716651</v>
      </c>
    </row>
    <row r="90" spans="1:8">
      <c r="A90" s="12">
        <v>86</v>
      </c>
      <c r="B90" s="38">
        <v>1.1627906976744186E-2</v>
      </c>
      <c r="C90" s="41">
        <v>321143.85424486588</v>
      </c>
      <c r="D90" s="41">
        <v>48171.578136729877</v>
      </c>
      <c r="E90" s="41">
        <v>564445665.54432714</v>
      </c>
      <c r="F90" s="7">
        <v>50580157.043566369</v>
      </c>
      <c r="G90" s="7">
        <v>64228770.848973177</v>
      </c>
      <c r="H90" s="41">
        <v>114808927.89253955</v>
      </c>
    </row>
    <row r="91" spans="1:8">
      <c r="A91" s="14">
        <v>87</v>
      </c>
      <c r="B91" s="39">
        <v>1.1494252873563218E-2</v>
      </c>
      <c r="C91" s="40">
        <v>305851.28975701507</v>
      </c>
      <c r="D91" s="40">
        <v>45877.693463552263</v>
      </c>
      <c r="E91" s="40">
        <v>564797394.52754772</v>
      </c>
      <c r="F91" s="8">
        <v>48171578.136729874</v>
      </c>
      <c r="G91" s="8">
        <v>61170257.951403022</v>
      </c>
      <c r="H91" s="40">
        <v>109341836.08813289</v>
      </c>
    </row>
    <row r="92" spans="1:8">
      <c r="A92" s="12">
        <v>88</v>
      </c>
      <c r="B92" s="38">
        <v>1.1363636363636364E-2</v>
      </c>
      <c r="C92" s="41">
        <v>291286.94262572861</v>
      </c>
      <c r="D92" s="41">
        <v>43693.04139385929</v>
      </c>
      <c r="E92" s="41">
        <v>565132374.51156735</v>
      </c>
      <c r="F92" s="7">
        <v>45877693.463552251</v>
      </c>
      <c r="G92" s="7">
        <v>58257388.525145724</v>
      </c>
      <c r="H92" s="41">
        <v>104135081.98869798</v>
      </c>
    </row>
    <row r="93" spans="1:8">
      <c r="A93" s="14">
        <v>89</v>
      </c>
      <c r="B93" s="39">
        <v>1.1235955056179775E-2</v>
      </c>
      <c r="C93" s="40">
        <v>277416.13583402731</v>
      </c>
      <c r="D93" s="40">
        <v>41612.420375104091</v>
      </c>
      <c r="E93" s="40">
        <v>565451403.06777644</v>
      </c>
      <c r="F93" s="8">
        <v>43693041.393859297</v>
      </c>
      <c r="G93" s="8">
        <v>55483227.166805461</v>
      </c>
      <c r="H93" s="40">
        <v>99176268.560664758</v>
      </c>
    </row>
    <row r="94" spans="1:8">
      <c r="A94" s="12">
        <v>90</v>
      </c>
      <c r="B94" s="38">
        <v>1.1111111111111112E-2</v>
      </c>
      <c r="C94" s="41">
        <v>264205.84365145455</v>
      </c>
      <c r="D94" s="41">
        <v>39630.876547718181</v>
      </c>
      <c r="E94" s="41">
        <v>565755239.78797567</v>
      </c>
      <c r="F94" s="7">
        <v>41612420.375104085</v>
      </c>
      <c r="G94" s="7">
        <v>52841168.730290905</v>
      </c>
      <c r="H94" s="41">
        <v>94453589.105394989</v>
      </c>
    </row>
    <row r="95" spans="1:8">
      <c r="A95" s="14">
        <v>91</v>
      </c>
      <c r="B95" s="39">
        <v>1.098901098901099E-2</v>
      </c>
      <c r="C95" s="40">
        <v>251624.6130013853</v>
      </c>
      <c r="D95" s="40">
        <v>37743.691950207794</v>
      </c>
      <c r="E95" s="40">
        <v>566044608.09292722</v>
      </c>
      <c r="F95" s="8">
        <v>39630876.547718182</v>
      </c>
      <c r="G95" s="8">
        <v>50324922.600277059</v>
      </c>
      <c r="H95" s="40">
        <v>89955799.147995234</v>
      </c>
    </row>
    <row r="96" spans="1:8">
      <c r="A96" s="12">
        <v>92</v>
      </c>
      <c r="B96" s="38">
        <v>1.0869565217391304E-2</v>
      </c>
      <c r="C96" s="41">
        <v>239642.48857274782</v>
      </c>
      <c r="D96" s="41">
        <v>35946.373285912174</v>
      </c>
      <c r="E96" s="41">
        <v>566320196.95478582</v>
      </c>
      <c r="F96" s="7">
        <v>37743691.950207785</v>
      </c>
      <c r="G96" s="7">
        <v>47928497.714549571</v>
      </c>
      <c r="H96" s="41">
        <v>85672189.664757356</v>
      </c>
    </row>
    <row r="97" spans="1:8">
      <c r="A97" s="14">
        <v>93</v>
      </c>
      <c r="B97" s="39">
        <v>1.0752688172043012E-2</v>
      </c>
      <c r="C97" s="40">
        <v>228230.94149785515</v>
      </c>
      <c r="D97" s="40">
        <v>34234.641224678271</v>
      </c>
      <c r="E97" s="40">
        <v>566582662.53750837</v>
      </c>
      <c r="F97" s="8">
        <v>35946373.285912186</v>
      </c>
      <c r="G97" s="8">
        <v>45646188.29957103</v>
      </c>
      <c r="H97" s="40">
        <v>81592561.585483223</v>
      </c>
    </row>
    <row r="98" spans="1:8">
      <c r="A98" s="12">
        <v>94</v>
      </c>
      <c r="B98" s="38">
        <v>1.0638297872340425E-2</v>
      </c>
      <c r="C98" s="41">
        <v>217362.80142652866</v>
      </c>
      <c r="D98" s="41">
        <v>32604.420213979298</v>
      </c>
      <c r="E98" s="41">
        <v>566832629.75914884</v>
      </c>
      <c r="F98" s="7">
        <v>34234641.224678263</v>
      </c>
      <c r="G98" s="7">
        <v>43472560.285305731</v>
      </c>
      <c r="H98" s="41">
        <v>77707201.509983987</v>
      </c>
    </row>
    <row r="99" spans="1:8">
      <c r="A99" s="14">
        <v>95</v>
      </c>
      <c r="B99" s="39">
        <v>1.0526315789473684E-2</v>
      </c>
      <c r="C99" s="40">
        <v>207012.19183478926</v>
      </c>
      <c r="D99" s="40">
        <v>31051.82877521839</v>
      </c>
      <c r="E99" s="40">
        <v>567070693.77975881</v>
      </c>
      <c r="F99" s="8">
        <v>32604420.213979308</v>
      </c>
      <c r="G99" s="8">
        <v>41402438.366957858</v>
      </c>
      <c r="H99" s="40">
        <v>74006858.580937162</v>
      </c>
    </row>
    <row r="100" spans="1:8">
      <c r="A100" s="12">
        <v>96</v>
      </c>
      <c r="B100" s="38">
        <v>1.0416666666666666E-2</v>
      </c>
      <c r="C100" s="41">
        <v>197154.46841408493</v>
      </c>
      <c r="D100" s="41">
        <v>29573.170262112741</v>
      </c>
      <c r="E100" s="41">
        <v>567297421.41843498</v>
      </c>
      <c r="F100" s="7">
        <v>31051828.775218375</v>
      </c>
      <c r="G100" s="7">
        <v>39430893.68281699</v>
      </c>
      <c r="H100" s="41">
        <v>70482722.458035365</v>
      </c>
    </row>
    <row r="101" spans="1:8">
      <c r="A101" s="14">
        <v>97</v>
      </c>
      <c r="B101" s="39">
        <v>1.0309278350515464E-2</v>
      </c>
      <c r="C101" s="40">
        <v>187766.16039436663</v>
      </c>
      <c r="D101" s="40">
        <v>28164.924059154993</v>
      </c>
      <c r="E101" s="40">
        <v>567513352.50288844</v>
      </c>
      <c r="F101" s="8">
        <v>29573170.262112744</v>
      </c>
      <c r="G101" s="8">
        <v>37553232.078873329</v>
      </c>
      <c r="H101" s="40">
        <v>67126402.340986073</v>
      </c>
    </row>
    <row r="102" spans="1:8">
      <c r="A102" s="12">
        <v>98</v>
      </c>
      <c r="B102" s="38">
        <v>1.020408163265306E-2</v>
      </c>
      <c r="C102" s="41">
        <v>178824.91466130156</v>
      </c>
      <c r="D102" s="41">
        <v>26823.737199195235</v>
      </c>
      <c r="E102" s="41">
        <v>567719001.15474892</v>
      </c>
      <c r="F102" s="7">
        <v>28164924.059154995</v>
      </c>
      <c r="G102" s="7">
        <v>35764982.932260312</v>
      </c>
      <c r="H102" s="41">
        <v>63929906.991415307</v>
      </c>
    </row>
    <row r="103" spans="1:8">
      <c r="A103" s="14">
        <v>99</v>
      </c>
      <c r="B103" s="39">
        <v>1.0101010101010102E-2</v>
      </c>
      <c r="C103" s="40">
        <v>170309.44253457288</v>
      </c>
      <c r="D103" s="40">
        <v>25546.416380185932</v>
      </c>
      <c r="E103" s="40">
        <v>567914857.01366365</v>
      </c>
      <c r="F103" s="8">
        <v>26823737.199195229</v>
      </c>
      <c r="G103" s="8">
        <v>34061888.506914578</v>
      </c>
      <c r="H103" s="40">
        <v>60885625.706109807</v>
      </c>
    </row>
    <row r="104" spans="1:8">
      <c r="A104" s="12">
        <v>100</v>
      </c>
      <c r="B104" s="38">
        <v>0.01</v>
      </c>
      <c r="C104" s="41">
        <v>162199.46908054559</v>
      </c>
      <c r="D104" s="41">
        <v>24329.920362081841</v>
      </c>
      <c r="E104" s="41">
        <v>568101386.40310633</v>
      </c>
      <c r="F104" s="7">
        <v>25546416.380185932</v>
      </c>
      <c r="G104" s="7">
        <v>32439893.816109121</v>
      </c>
      <c r="H104" s="41">
        <v>57986310.196295053</v>
      </c>
    </row>
    <row r="105" spans="1:8">
      <c r="A105" s="14">
        <v>101</v>
      </c>
      <c r="B105" s="39">
        <v>9.9009900990099011E-3</v>
      </c>
      <c r="C105" s="40">
        <v>154475.68483861489</v>
      </c>
      <c r="D105" s="40">
        <v>23171.352725792236</v>
      </c>
      <c r="E105" s="40">
        <v>568279033.44067073</v>
      </c>
      <c r="F105" s="8">
        <v>24329920.362081848</v>
      </c>
      <c r="G105" s="8">
        <v>30895136.967722982</v>
      </c>
      <c r="H105" s="40">
        <v>55225057.32980483</v>
      </c>
    </row>
    <row r="106" spans="1:8">
      <c r="A106" s="12">
        <v>102</v>
      </c>
      <c r="B106" s="38">
        <v>9.8039215686274508E-3</v>
      </c>
      <c r="C106" s="41">
        <v>147119.69984629989</v>
      </c>
      <c r="D106" s="41">
        <v>22067.95497694498</v>
      </c>
      <c r="E106" s="41">
        <v>568448221.09549403</v>
      </c>
      <c r="F106" s="7">
        <v>23171352.725792229</v>
      </c>
      <c r="G106" s="7">
        <v>29423939.969259977</v>
      </c>
      <c r="H106" s="41">
        <v>52595292.695052207</v>
      </c>
    </row>
    <row r="107" spans="1:8">
      <c r="A107" s="14">
        <v>103</v>
      </c>
      <c r="B107" s="39">
        <v>9.7087378640776691E-3</v>
      </c>
      <c r="C107" s="40">
        <v>140113.99985361897</v>
      </c>
      <c r="D107" s="40">
        <v>21017.099978042843</v>
      </c>
      <c r="E107" s="40">
        <v>568609352.19532573</v>
      </c>
      <c r="F107" s="8">
        <v>22067954.976944983</v>
      </c>
      <c r="G107" s="8">
        <v>28022799.970723793</v>
      </c>
      <c r="H107" s="40">
        <v>50090754.947668776</v>
      </c>
    </row>
    <row r="108" spans="1:8">
      <c r="A108" s="12">
        <v>104</v>
      </c>
      <c r="B108" s="38">
        <v>9.6153846153846159E-3</v>
      </c>
      <c r="C108" s="41">
        <v>133441.90462249421</v>
      </c>
      <c r="D108" s="41">
        <v>20016.285693374131</v>
      </c>
      <c r="E108" s="41">
        <v>568762810.38564157</v>
      </c>
      <c r="F108" s="7">
        <v>21017099.978042837</v>
      </c>
      <c r="G108" s="7">
        <v>26688380.924498845</v>
      </c>
      <c r="H108" s="41">
        <v>47705480.902541682</v>
      </c>
    </row>
    <row r="109" spans="1:8">
      <c r="A109" s="14">
        <v>105</v>
      </c>
      <c r="B109" s="39">
        <v>9.5238095238095247E-3</v>
      </c>
      <c r="C109" s="40">
        <v>127087.52821189926</v>
      </c>
      <c r="D109" s="40">
        <v>19063.129231784889</v>
      </c>
      <c r="E109" s="40">
        <v>568908961.04308522</v>
      </c>
      <c r="F109" s="8">
        <v>20016285.693374135</v>
      </c>
      <c r="G109" s="8">
        <v>25417505.642379854</v>
      </c>
      <c r="H109" s="40">
        <v>45433791.335753992</v>
      </c>
    </row>
    <row r="110" spans="1:8">
      <c r="A110" s="12">
        <v>106</v>
      </c>
      <c r="B110" s="38">
        <v>9.433962264150943E-3</v>
      </c>
      <c r="C110" s="41">
        <v>121035.74115418977</v>
      </c>
      <c r="D110" s="41">
        <v>18155.361173128465</v>
      </c>
      <c r="E110" s="41">
        <v>569048152.14541256</v>
      </c>
      <c r="F110" s="7">
        <v>19063129.231784888</v>
      </c>
      <c r="G110" s="7">
        <v>24207148.230837956</v>
      </c>
      <c r="H110" s="41">
        <v>43270277.462622844</v>
      </c>
    </row>
    <row r="111" spans="1:8">
      <c r="A111" s="14">
        <v>107</v>
      </c>
      <c r="B111" s="39">
        <v>9.3457943925233638E-3</v>
      </c>
      <c r="C111" s="40">
        <v>115272.13443256168</v>
      </c>
      <c r="D111" s="40">
        <v>17290.820164884251</v>
      </c>
      <c r="E111" s="40">
        <v>569180715.10001004</v>
      </c>
      <c r="F111" s="8">
        <v>18155361.173128463</v>
      </c>
      <c r="G111" s="8">
        <v>23054426.886512339</v>
      </c>
      <c r="H111" s="40">
        <v>41209788.059640802</v>
      </c>
    </row>
    <row r="112" spans="1:8">
      <c r="A112" s="12">
        <v>108</v>
      </c>
      <c r="B112" s="38">
        <v>9.2592592592592587E-3</v>
      </c>
      <c r="C112" s="41">
        <v>109782.98517386825</v>
      </c>
      <c r="D112" s="41">
        <v>16467.447776080237</v>
      </c>
      <c r="E112" s="41">
        <v>569306965.53295994</v>
      </c>
      <c r="F112" s="7">
        <v>17290820.164884247</v>
      </c>
      <c r="G112" s="7">
        <v>21956597.034773652</v>
      </c>
      <c r="H112" s="41">
        <v>39247417.199657902</v>
      </c>
    </row>
    <row r="113" spans="1:8">
      <c r="A113" s="14">
        <v>109</v>
      </c>
      <c r="B113" s="39">
        <v>9.1743119266055051E-3</v>
      </c>
      <c r="C113" s="40">
        <v>104555.22397511265</v>
      </c>
      <c r="D113" s="40">
        <v>15683.283596266896</v>
      </c>
      <c r="E113" s="40">
        <v>569427204.04053128</v>
      </c>
      <c r="F113" s="8">
        <v>16467447.776080241</v>
      </c>
      <c r="G113" s="8">
        <v>20911044.795022529</v>
      </c>
      <c r="H113" s="40">
        <v>37378492.571102768</v>
      </c>
    </row>
    <row r="114" spans="1:8">
      <c r="A114" s="12">
        <v>110</v>
      </c>
      <c r="B114" s="38">
        <v>9.0909090909090905E-3</v>
      </c>
      <c r="C114" s="41">
        <v>99576.403785821545</v>
      </c>
      <c r="D114" s="41">
        <v>14936.460567873231</v>
      </c>
      <c r="E114" s="41">
        <v>569541716.90488493</v>
      </c>
      <c r="F114" s="7">
        <v>15683283.596266894</v>
      </c>
      <c r="G114" s="7">
        <v>19915280.757164311</v>
      </c>
      <c r="H114" s="41">
        <v>35598564.353431202</v>
      </c>
    </row>
    <row r="115" spans="1:8">
      <c r="A115" s="14">
        <v>111</v>
      </c>
      <c r="B115" s="39">
        <v>9.0090090090090089E-3</v>
      </c>
      <c r="C115" s="40">
        <v>94834.67027221102</v>
      </c>
      <c r="D115" s="40">
        <v>14225.200540831651</v>
      </c>
      <c r="E115" s="40">
        <v>569650776.77569795</v>
      </c>
      <c r="F115" s="8">
        <v>14936460.567873234</v>
      </c>
      <c r="G115" s="8">
        <v>18966934.054442205</v>
      </c>
      <c r="H115" s="40">
        <v>33903394.622315437</v>
      </c>
    </row>
    <row r="116" spans="1:8">
      <c r="A116" s="12">
        <v>112</v>
      </c>
      <c r="B116" s="38">
        <v>8.9285714285714281E-3</v>
      </c>
      <c r="C116" s="41">
        <v>90318.733592581892</v>
      </c>
      <c r="D116" s="41">
        <v>13547.810038887284</v>
      </c>
      <c r="E116" s="41">
        <v>569754643.31932938</v>
      </c>
      <c r="F116" s="7">
        <v>14225200.540831648</v>
      </c>
      <c r="G116" s="7">
        <v>18063746.71851638</v>
      </c>
      <c r="H116" s="41">
        <v>32288947.259348027</v>
      </c>
    </row>
    <row r="117" spans="1:8">
      <c r="A117" s="14">
        <v>113</v>
      </c>
      <c r="B117" s="39">
        <v>8.8495575221238937E-3</v>
      </c>
      <c r="C117" s="40">
        <v>86017.841516744666</v>
      </c>
      <c r="D117" s="40">
        <v>12902.676227511698</v>
      </c>
      <c r="E117" s="40">
        <v>569853563.83707368</v>
      </c>
      <c r="F117" s="8">
        <v>13547810.038887283</v>
      </c>
      <c r="G117" s="8">
        <v>17203568.303348932</v>
      </c>
      <c r="H117" s="40">
        <v>30751378.342236213</v>
      </c>
    </row>
    <row r="118" spans="1:8">
      <c r="A118" s="12">
        <v>114</v>
      </c>
      <c r="B118" s="38">
        <v>8.771929824561403E-3</v>
      </c>
      <c r="C118" s="41">
        <v>81921.753825471111</v>
      </c>
      <c r="D118" s="41">
        <v>12288.263073820666</v>
      </c>
      <c r="E118" s="41">
        <v>569947773.85397303</v>
      </c>
      <c r="F118" s="7">
        <v>12902676.227511698</v>
      </c>
      <c r="G118" s="7">
        <v>16384350.765094223</v>
      </c>
      <c r="H118" s="41">
        <v>29287026.992605921</v>
      </c>
    </row>
    <row r="119" spans="1:8">
      <c r="A119" s="14">
        <v>115</v>
      </c>
      <c r="B119" s="39">
        <v>8.6956521739130436E-3</v>
      </c>
      <c r="C119" s="40">
        <v>78020.717929020087</v>
      </c>
      <c r="D119" s="40">
        <v>11703.107689353013</v>
      </c>
      <c r="E119" s="40">
        <v>570037497.67959142</v>
      </c>
      <c r="F119" s="8">
        <v>12288263.073820664</v>
      </c>
      <c r="G119" s="8">
        <v>15604143.585804017</v>
      </c>
      <c r="H119" s="40">
        <v>27892406.659624681</v>
      </c>
    </row>
    <row r="120" spans="1:8">
      <c r="A120" s="12">
        <v>116</v>
      </c>
      <c r="B120" s="38">
        <v>8.6206896551724137E-3</v>
      </c>
      <c r="C120" s="41">
        <v>74305.44564668581</v>
      </c>
      <c r="D120" s="41">
        <v>11145.81684700287</v>
      </c>
      <c r="E120" s="41">
        <v>570122948.94208515</v>
      </c>
      <c r="F120" s="7">
        <v>11703107.689353013</v>
      </c>
      <c r="G120" s="7">
        <v>14861089.129337162</v>
      </c>
      <c r="H120" s="41">
        <v>26564196.818690173</v>
      </c>
    </row>
    <row r="121" spans="1:8">
      <c r="A121" s="14">
        <v>117</v>
      </c>
      <c r="B121" s="39">
        <v>8.5470085470085479E-3</v>
      </c>
      <c r="C121" s="40">
        <v>70767.091092081711</v>
      </c>
      <c r="D121" s="40">
        <v>10615.063663812258</v>
      </c>
      <c r="E121" s="40">
        <v>570204331.0968411</v>
      </c>
      <c r="F121" s="8">
        <v>11145816.847002869</v>
      </c>
      <c r="G121" s="8">
        <v>14153418.218416343</v>
      </c>
      <c r="H121" s="40">
        <v>25299235.065419212</v>
      </c>
    </row>
    <row r="122" spans="1:8">
      <c r="A122" s="12">
        <v>118</v>
      </c>
      <c r="B122" s="38">
        <v>8.4745762711864406E-3</v>
      </c>
      <c r="C122" s="41">
        <v>67397.229611506409</v>
      </c>
      <c r="D122" s="41">
        <v>10109.584441725961</v>
      </c>
      <c r="E122" s="41">
        <v>570281837.91089427</v>
      </c>
      <c r="F122" s="7">
        <v>10615063.663812259</v>
      </c>
      <c r="G122" s="7">
        <v>13479445.922301283</v>
      </c>
      <c r="H122" s="41">
        <v>24094509.586113542</v>
      </c>
    </row>
    <row r="123" spans="1:8">
      <c r="A123" s="14">
        <v>119</v>
      </c>
      <c r="B123" s="39">
        <v>8.4033613445378148E-3</v>
      </c>
      <c r="C123" s="40">
        <v>64187.837725244201</v>
      </c>
      <c r="D123" s="40">
        <v>9628.1756587866294</v>
      </c>
      <c r="E123" s="40">
        <v>570355653.92427826</v>
      </c>
      <c r="F123" s="8">
        <v>10109584.441725962</v>
      </c>
      <c r="G123" s="8">
        <v>12837567.54504884</v>
      </c>
      <c r="H123" s="40">
        <v>22947151.986774802</v>
      </c>
    </row>
    <row r="124" spans="1:8">
      <c r="A124" s="12">
        <v>120</v>
      </c>
      <c r="B124" s="38">
        <v>8.3333333333333332E-3</v>
      </c>
      <c r="C124" s="41">
        <v>61131.27402404209</v>
      </c>
      <c r="D124" s="41">
        <v>9169.691103606312</v>
      </c>
      <c r="E124" s="41">
        <v>570425954.88940597</v>
      </c>
      <c r="F124" s="7">
        <v>9628175.6587866284</v>
      </c>
      <c r="G124" s="7">
        <v>12226254.804808417</v>
      </c>
      <c r="H124" s="41">
        <v>21854430.463595048</v>
      </c>
    </row>
    <row r="125" spans="1:8">
      <c r="A125" s="14">
        <v>121</v>
      </c>
      <c r="B125" s="39">
        <v>8.2644628099173556E-3</v>
      </c>
      <c r="C125" s="40">
        <v>58220.260975278179</v>
      </c>
      <c r="D125" s="40">
        <v>8733.0391462917269</v>
      </c>
      <c r="E125" s="40">
        <v>570492908.18952751</v>
      </c>
      <c r="F125" s="8">
        <v>9169691.1036063135</v>
      </c>
      <c r="G125" s="8">
        <v>11644052.195055638</v>
      </c>
      <c r="H125" s="40">
        <v>20813743.298661951</v>
      </c>
    </row>
    <row r="126" spans="1:8">
      <c r="A126" s="12">
        <v>122</v>
      </c>
      <c r="B126" s="38">
        <v>8.1967213114754103E-3</v>
      </c>
      <c r="C126" s="41">
        <v>55447.867595503027</v>
      </c>
      <c r="D126" s="41">
        <v>8317.1801393254536</v>
      </c>
      <c r="E126" s="41">
        <v>570556673.23726237</v>
      </c>
      <c r="F126" s="7">
        <v>8733039.1462917272</v>
      </c>
      <c r="G126" s="7">
        <v>11089573.519100606</v>
      </c>
      <c r="H126" s="41">
        <v>19822612.665392332</v>
      </c>
    </row>
    <row r="127" spans="1:8">
      <c r="A127" s="14">
        <v>123</v>
      </c>
      <c r="B127" s="39">
        <v>8.130081300813009E-3</v>
      </c>
      <c r="C127" s="40">
        <v>52807.492948098115</v>
      </c>
      <c r="D127" s="40">
        <v>7921.1239422147173</v>
      </c>
      <c r="E127" s="40">
        <v>570617401.85415268</v>
      </c>
      <c r="F127" s="8">
        <v>8317180.139325453</v>
      </c>
      <c r="G127" s="8">
        <v>10561498.589619623</v>
      </c>
      <c r="H127" s="40">
        <v>18878678.728945076</v>
      </c>
    </row>
    <row r="128" spans="1:8">
      <c r="A128" s="12">
        <v>124</v>
      </c>
      <c r="B128" s="38">
        <v>8.0645161290322578E-3</v>
      </c>
      <c r="C128" s="41">
        <v>50292.850426760109</v>
      </c>
      <c r="D128" s="41">
        <v>7543.9275640140168</v>
      </c>
      <c r="E128" s="41">
        <v>570675238.6321435</v>
      </c>
      <c r="F128" s="7">
        <v>7921123.9422147172</v>
      </c>
      <c r="G128" s="7">
        <v>10058570.085352022</v>
      </c>
      <c r="H128" s="41">
        <v>17979694.027566738</v>
      </c>
    </row>
    <row r="129" spans="1:8">
      <c r="A129" s="14">
        <v>125</v>
      </c>
      <c r="B129" s="39">
        <v>8.0000000000000002E-3</v>
      </c>
      <c r="C129" s="40">
        <v>47897.95278739059</v>
      </c>
      <c r="D129" s="40">
        <v>7184.6929181085879</v>
      </c>
      <c r="E129" s="40">
        <v>570730321.27784896</v>
      </c>
      <c r="F129" s="8">
        <v>7543927.5640140167</v>
      </c>
      <c r="G129" s="8">
        <v>9579590.5574781168</v>
      </c>
      <c r="H129" s="40">
        <v>17123518.121492133</v>
      </c>
    </row>
    <row r="130" spans="1:8">
      <c r="A130" s="12">
        <v>126</v>
      </c>
      <c r="B130" s="38">
        <v>7.9365079365079361E-3</v>
      </c>
      <c r="C130" s="41">
        <v>45617.097892752929</v>
      </c>
      <c r="D130" s="41">
        <v>6842.5646839129395</v>
      </c>
      <c r="E130" s="41">
        <v>570782780.94042563</v>
      </c>
      <c r="F130" s="7">
        <v>7184692.9181085862</v>
      </c>
      <c r="G130" s="7">
        <v>9123419.5785505865</v>
      </c>
      <c r="H130" s="41">
        <v>16308112.496659173</v>
      </c>
    </row>
    <row r="131" spans="1:8">
      <c r="A131" s="14">
        <v>127</v>
      </c>
      <c r="B131" s="39">
        <v>7.874015748031496E-3</v>
      </c>
      <c r="C131" s="40">
        <v>43444.855135955186</v>
      </c>
      <c r="D131" s="40">
        <v>6516.7282703932779</v>
      </c>
      <c r="E131" s="40">
        <v>570832742.52383196</v>
      </c>
      <c r="F131" s="8">
        <v>6842564.6839129422</v>
      </c>
      <c r="G131" s="8">
        <v>8688971.0271910373</v>
      </c>
      <c r="H131" s="40">
        <v>15531535.711103979</v>
      </c>
    </row>
    <row r="132" spans="1:8">
      <c r="A132" s="12">
        <v>128</v>
      </c>
      <c r="B132" s="38">
        <v>7.8125E-3</v>
      </c>
      <c r="C132" s="41">
        <v>41376.052510433496</v>
      </c>
      <c r="D132" s="41">
        <v>6206.4078765650238</v>
      </c>
      <c r="E132" s="41">
        <v>570880324.98421896</v>
      </c>
      <c r="F132" s="7">
        <v>6516728.2703932747</v>
      </c>
      <c r="G132" s="7">
        <v>8275210.502086699</v>
      </c>
      <c r="H132" s="41">
        <v>14791938.772479974</v>
      </c>
    </row>
    <row r="133" spans="1:8">
      <c r="A133" s="14">
        <v>129</v>
      </c>
      <c r="B133" s="39">
        <v>7.7519379844961239E-3</v>
      </c>
      <c r="C133" s="40">
        <v>39405.764295650952</v>
      </c>
      <c r="D133" s="40">
        <v>5910.8646443476428</v>
      </c>
      <c r="E133" s="40">
        <v>570925641.61315894</v>
      </c>
      <c r="F133" s="8">
        <v>6206407.8765650243</v>
      </c>
      <c r="G133" s="8">
        <v>7881152.8591301907</v>
      </c>
      <c r="H133" s="40">
        <v>14087560.735695215</v>
      </c>
    </row>
    <row r="134" spans="1:8">
      <c r="A134" s="12">
        <v>130</v>
      </c>
      <c r="B134" s="38">
        <v>7.6923076923076927E-3</v>
      </c>
      <c r="C134" s="41">
        <v>37529.299329191381</v>
      </c>
      <c r="D134" s="41">
        <v>5629.3948993787071</v>
      </c>
      <c r="E134" s="41">
        <v>570968800.30738747</v>
      </c>
      <c r="F134" s="7">
        <v>5910864.6443476416</v>
      </c>
      <c r="G134" s="7">
        <v>7505859.8658382762</v>
      </c>
      <c r="H134" s="41">
        <v>13416724.510185918</v>
      </c>
    </row>
    <row r="135" spans="1:8">
      <c r="A135" s="14">
        <v>131</v>
      </c>
      <c r="B135" s="39">
        <v>7.6335877862595417E-3</v>
      </c>
      <c r="C135" s="40">
        <v>35742.189837325124</v>
      </c>
      <c r="D135" s="40">
        <v>5361.3284755987688</v>
      </c>
      <c r="E135" s="40">
        <v>571009903.8257004</v>
      </c>
      <c r="F135" s="8">
        <v>5629394.8993787067</v>
      </c>
      <c r="G135" s="8">
        <v>7148437.9674650254</v>
      </c>
      <c r="H135" s="40">
        <v>12777832.866843732</v>
      </c>
    </row>
    <row r="136" spans="1:8">
      <c r="A136" s="12">
        <v>132</v>
      </c>
      <c r="B136" s="38">
        <v>7.575757575757576E-3</v>
      </c>
      <c r="C136" s="41">
        <v>34040.1807974525</v>
      </c>
      <c r="D136" s="41">
        <v>5106.0271196178746</v>
      </c>
      <c r="E136" s="41">
        <v>571049050.0336175</v>
      </c>
      <c r="F136" s="7">
        <v>5361328.4755987683</v>
      </c>
      <c r="G136" s="7">
        <v>6808036.1594904996</v>
      </c>
      <c r="H136" s="41">
        <v>12169364.635089267</v>
      </c>
    </row>
    <row r="137" spans="1:8">
      <c r="A137" s="14">
        <v>133</v>
      </c>
      <c r="B137" s="39">
        <v>7.5187969924812026E-3</v>
      </c>
      <c r="C137" s="40">
        <v>32419.219807097619</v>
      </c>
      <c r="D137" s="40">
        <v>4862.8829710646423</v>
      </c>
      <c r="E137" s="40">
        <v>571086332.13639569</v>
      </c>
      <c r="F137" s="8">
        <v>5106027.1196178747</v>
      </c>
      <c r="G137" s="8">
        <v>6483843.9614195237</v>
      </c>
      <c r="H137" s="40">
        <v>11589871.081037398</v>
      </c>
    </row>
    <row r="138" spans="1:8">
      <c r="A138" s="12">
        <v>134</v>
      </c>
      <c r="B138" s="38">
        <v>7.462686567164179E-3</v>
      </c>
      <c r="C138" s="41">
        <v>30875.447435331058</v>
      </c>
      <c r="D138" s="41">
        <v>4631.3171152996583</v>
      </c>
      <c r="E138" s="41">
        <v>571121838.90094638</v>
      </c>
      <c r="F138" s="7">
        <v>4862882.9710646411</v>
      </c>
      <c r="G138" s="7">
        <v>6175089.4870662121</v>
      </c>
      <c r="H138" s="41">
        <v>11037972.458130853</v>
      </c>
    </row>
    <row r="139" spans="1:8">
      <c r="A139" s="14">
        <v>135</v>
      </c>
      <c r="B139" s="39">
        <v>7.4074074074074077E-3</v>
      </c>
      <c r="C139" s="40">
        <v>29405.188033648636</v>
      </c>
      <c r="D139" s="40">
        <v>4410.7782050472952</v>
      </c>
      <c r="E139" s="40">
        <v>571155654.86718512</v>
      </c>
      <c r="F139" s="8">
        <v>4631317.1152996598</v>
      </c>
      <c r="G139" s="8">
        <v>5881037.6067297272</v>
      </c>
      <c r="H139" s="40">
        <v>10512354.722029388</v>
      </c>
    </row>
    <row r="140" spans="1:8">
      <c r="A140" s="12">
        <v>136</v>
      </c>
      <c r="B140" s="38">
        <v>7.3529411764705881E-3</v>
      </c>
      <c r="C140" s="41">
        <v>28004.940984427267</v>
      </c>
      <c r="D140" s="41">
        <v>4200.74114766409</v>
      </c>
      <c r="E140" s="41">
        <v>571187860.54931724</v>
      </c>
      <c r="F140" s="7">
        <v>4410778.2050472945</v>
      </c>
      <c r="G140" s="7">
        <v>5600988.1968854535</v>
      </c>
      <c r="H140" s="41">
        <v>10011766.401932748</v>
      </c>
    </row>
    <row r="141" spans="1:8">
      <c r="A141" s="14">
        <v>137</v>
      </c>
      <c r="B141" s="39">
        <v>7.2992700729927005E-3</v>
      </c>
      <c r="C141" s="40">
        <v>26671.37236612121</v>
      </c>
      <c r="D141" s="40">
        <v>4000.7058549181811</v>
      </c>
      <c r="E141" s="40">
        <v>571218532.62753832</v>
      </c>
      <c r="F141" s="8">
        <v>4200741.1476640906</v>
      </c>
      <c r="G141" s="8">
        <v>5334274.4732242422</v>
      </c>
      <c r="H141" s="40">
        <v>9535015.6208883338</v>
      </c>
    </row>
    <row r="142" spans="1:8">
      <c r="A142" s="12">
        <v>138</v>
      </c>
      <c r="B142" s="38">
        <v>7.246376811594203E-3</v>
      </c>
      <c r="C142" s="41">
        <v>25401.30701535353</v>
      </c>
      <c r="D142" s="41">
        <v>3810.1960523030293</v>
      </c>
      <c r="E142" s="41">
        <v>571247744.13060594</v>
      </c>
      <c r="F142" s="7">
        <v>4000705.854918181</v>
      </c>
      <c r="G142" s="7">
        <v>5080261.4030707059</v>
      </c>
      <c r="H142" s="41">
        <v>9080967.2579888869</v>
      </c>
    </row>
    <row r="143" spans="1:8">
      <c r="A143" s="14">
        <v>139</v>
      </c>
      <c r="B143" s="39">
        <v>7.1942446043165471E-3</v>
      </c>
      <c r="C143" s="40">
        <v>24191.720967003363</v>
      </c>
      <c r="D143" s="40">
        <v>3628.758145050504</v>
      </c>
      <c r="E143" s="40">
        <v>571275564.60971797</v>
      </c>
      <c r="F143" s="8">
        <v>3810196.0523030292</v>
      </c>
      <c r="G143" s="8">
        <v>4838344.1934006726</v>
      </c>
      <c r="H143" s="40">
        <v>8648540.2457037009</v>
      </c>
    </row>
    <row r="144" spans="1:8">
      <c r="A144" s="12">
        <v>140</v>
      </c>
      <c r="B144" s="38">
        <v>7.1428571428571426E-3</v>
      </c>
      <c r="C144" s="41">
        <v>23039.734254288916</v>
      </c>
      <c r="D144" s="41">
        <v>3455.9601381433372</v>
      </c>
      <c r="E144" s="41">
        <v>571302060.30411041</v>
      </c>
      <c r="F144" s="7">
        <v>3628758.1450505038</v>
      </c>
      <c r="G144" s="7">
        <v>4607946.8508577831</v>
      </c>
      <c r="H144" s="41">
        <v>8236704.9959082864</v>
      </c>
    </row>
    <row r="145" spans="1:8">
      <c r="A145" s="14">
        <v>141</v>
      </c>
      <c r="B145" s="39">
        <v>7.0921985815602835E-3</v>
      </c>
      <c r="C145" s="40">
        <v>21942.604051703733</v>
      </c>
      <c r="D145" s="40">
        <v>3291.3906077555598</v>
      </c>
      <c r="E145" s="40">
        <v>571327294.29876983</v>
      </c>
      <c r="F145" s="8">
        <v>3455960.1381433378</v>
      </c>
      <c r="G145" s="8">
        <v>4388520.8103407472</v>
      </c>
      <c r="H145" s="40">
        <v>7844480.9484840855</v>
      </c>
    </row>
    <row r="146" spans="1:8">
      <c r="A146" s="12">
        <v>142</v>
      </c>
      <c r="B146" s="38">
        <v>7.0422535211267607E-3</v>
      </c>
      <c r="C146" s="41">
        <v>20897.718144479742</v>
      </c>
      <c r="D146" s="41">
        <v>3134.6577216719611</v>
      </c>
      <c r="E146" s="41">
        <v>571351326.67463601</v>
      </c>
      <c r="F146" s="7">
        <v>3291390.607755559</v>
      </c>
      <c r="G146" s="7">
        <v>4179543.6288959482</v>
      </c>
      <c r="H146" s="41">
        <v>7470934.2366515072</v>
      </c>
    </row>
    <row r="147" spans="1:8">
      <c r="A147" s="14">
        <v>143</v>
      </c>
      <c r="B147" s="39">
        <v>6.993006993006993E-3</v>
      </c>
      <c r="C147" s="40">
        <v>19902.588709028329</v>
      </c>
      <c r="D147" s="40">
        <v>2985.3883063542494</v>
      </c>
      <c r="E147" s="40">
        <v>571374214.65165138</v>
      </c>
      <c r="F147" s="8">
        <v>3134657.7216719617</v>
      </c>
      <c r="G147" s="8">
        <v>3980517.7418056661</v>
      </c>
      <c r="H147" s="40">
        <v>7115175.4634776283</v>
      </c>
    </row>
    <row r="148" spans="1:8">
      <c r="A148" s="12">
        <v>144</v>
      </c>
      <c r="B148" s="38">
        <v>6.9444444444444441E-3</v>
      </c>
      <c r="C148" s="41">
        <v>18954.846389550781</v>
      </c>
      <c r="D148" s="41">
        <v>2843.2269584326173</v>
      </c>
      <c r="E148" s="41">
        <v>571396012.72499931</v>
      </c>
      <c r="F148" s="7">
        <v>2985388.306354248</v>
      </c>
      <c r="G148" s="7">
        <v>3790969.2779101562</v>
      </c>
      <c r="H148" s="41">
        <v>6776357.5842644041</v>
      </c>
    </row>
    <row r="149" spans="1:8">
      <c r="A149" s="14">
        <v>145</v>
      </c>
      <c r="B149" s="39">
        <v>6.8965517241379309E-3</v>
      </c>
      <c r="C149" s="40">
        <v>18052.234656715034</v>
      </c>
      <c r="D149" s="40">
        <v>2707.8351985072554</v>
      </c>
      <c r="E149" s="40">
        <v>571416772.79485452</v>
      </c>
      <c r="F149" s="8">
        <v>2843226.9584326181</v>
      </c>
      <c r="G149" s="8">
        <v>3610446.9313430074</v>
      </c>
      <c r="H149" s="40">
        <v>6453673.8897756254</v>
      </c>
    </row>
    <row r="150" spans="1:8">
      <c r="A150" s="12">
        <v>146</v>
      </c>
      <c r="B150" s="38">
        <v>6.8493150684931503E-3</v>
      </c>
      <c r="C150" s="41">
        <v>17192.604434966695</v>
      </c>
      <c r="D150" s="41">
        <v>2578.8906652450046</v>
      </c>
      <c r="E150" s="41">
        <v>571436544.28995478</v>
      </c>
      <c r="F150" s="7">
        <v>2707835.1985072545</v>
      </c>
      <c r="G150" s="7">
        <v>3438520.8869933393</v>
      </c>
      <c r="H150" s="41">
        <v>6146356.0855005942</v>
      </c>
    </row>
    <row r="151" spans="1:8">
      <c r="A151" s="14">
        <v>147</v>
      </c>
      <c r="B151" s="39">
        <v>6.8027210884353739E-3</v>
      </c>
      <c r="C151" s="40">
        <v>16373.90898568257</v>
      </c>
      <c r="D151" s="40">
        <v>2456.0863478523856</v>
      </c>
      <c r="E151" s="40">
        <v>571455374.28528833</v>
      </c>
      <c r="F151" s="8">
        <v>2578890.6652450049</v>
      </c>
      <c r="G151" s="8">
        <v>3274781.797136514</v>
      </c>
      <c r="H151" s="40">
        <v>5853672.4623815194</v>
      </c>
    </row>
    <row r="152" spans="1:8">
      <c r="A152" s="12">
        <v>148</v>
      </c>
      <c r="B152" s="38">
        <v>6.7567567567567571E-3</v>
      </c>
      <c r="C152" s="41">
        <v>15594.199033983397</v>
      </c>
      <c r="D152" s="41">
        <v>2339.1298550975098</v>
      </c>
      <c r="E152" s="41">
        <v>571473307.61417747</v>
      </c>
      <c r="F152" s="7">
        <v>2456086.3478523851</v>
      </c>
      <c r="G152" s="7">
        <v>3118839.8067966797</v>
      </c>
      <c r="H152" s="41">
        <v>5574926.1546490649</v>
      </c>
    </row>
    <row r="153" spans="1:8">
      <c r="A153" s="14">
        <v>149</v>
      </c>
      <c r="B153" s="39">
        <v>6.7114093959731542E-3</v>
      </c>
      <c r="C153" s="40">
        <v>14851.618127603237</v>
      </c>
      <c r="D153" s="40">
        <v>2227.7427191404854</v>
      </c>
      <c r="E153" s="40">
        <v>571490386.97502422</v>
      </c>
      <c r="F153" s="8">
        <v>2339129.8550975095</v>
      </c>
      <c r="G153" s="8">
        <v>2970323.625520647</v>
      </c>
      <c r="H153" s="40">
        <v>5309453.4806181565</v>
      </c>
    </row>
    <row r="154" spans="1:8">
      <c r="A154" s="13">
        <v>150</v>
      </c>
      <c r="B154" s="29">
        <v>6.6666666666666671E-3</v>
      </c>
      <c r="C154" s="42">
        <v>14144.398216764987</v>
      </c>
      <c r="D154" s="42">
        <v>2121.6597325147482</v>
      </c>
      <c r="E154" s="42">
        <v>571506653.03297353</v>
      </c>
      <c r="F154" s="26">
        <v>2227742.7191404854</v>
      </c>
      <c r="G154" s="26">
        <v>2828879.6433529975</v>
      </c>
      <c r="H154" s="42">
        <v>5056622.3624934833</v>
      </c>
    </row>
    <row r="155" spans="1:8">
      <c r="A155" s="9" t="s">
        <v>199</v>
      </c>
    </row>
    <row r="156" spans="1:8">
      <c r="A156" s="17" t="s">
        <v>201</v>
      </c>
    </row>
  </sheetData>
  <mergeCells count="4">
    <mergeCell ref="C3:E3"/>
    <mergeCell ref="F3:H3"/>
    <mergeCell ref="A3:A4"/>
    <mergeCell ref="B3:B4"/>
  </mergeCells>
  <pageMargins left="0.7" right="0.7" top="0.75" bottom="0.75" header="0.3" footer="0.3"/>
  <pageSetup paperSize="9" orientation="portrait" r:id="rId1"/>
  <headerFooter>
    <oddHeader>&amp;C&amp;"Calibri"&amp;12&amp;K000000  OFFICIAL&amp;1#_x000D_</oddHeader>
  </headerFooter>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5104C70-38C0-4F12-A841-D38EDC2D9390}">
  <dimension ref="A1:W33"/>
  <sheetViews>
    <sheetView showGridLines="0" workbookViewId="0"/>
  </sheetViews>
  <sheetFormatPr defaultRowHeight="12.5"/>
  <cols>
    <col min="1" max="1" width="24.08984375" bestFit="1" customWidth="1"/>
    <col min="2" max="2" width="15.1796875" bestFit="1" customWidth="1"/>
    <col min="3" max="3" width="14.08984375" bestFit="1" customWidth="1"/>
    <col min="4" max="4" width="15.54296875" bestFit="1" customWidth="1"/>
    <col min="5" max="5" width="15.81640625" bestFit="1" customWidth="1"/>
    <col min="6" max="6" width="7.90625" customWidth="1"/>
    <col min="8" max="8" width="9.54296875" customWidth="1"/>
    <col min="9" max="9" width="10.08984375" customWidth="1"/>
    <col min="23" max="23" width="15.08984375" customWidth="1"/>
  </cols>
  <sheetData>
    <row r="1" spans="1:23" ht="13">
      <c r="A1" s="85" t="s">
        <v>121</v>
      </c>
    </row>
    <row r="3" spans="1:23" ht="13">
      <c r="A3" s="1" t="s">
        <v>119</v>
      </c>
    </row>
    <row r="4" spans="1:23">
      <c r="A4" s="16" t="s">
        <v>94</v>
      </c>
      <c r="B4" s="16" t="s">
        <v>95</v>
      </c>
      <c r="C4" s="16" t="s">
        <v>96</v>
      </c>
      <c r="D4" s="16" t="s">
        <v>97</v>
      </c>
      <c r="E4" s="16" t="s">
        <v>86</v>
      </c>
      <c r="F4" s="105" t="s">
        <v>98</v>
      </c>
      <c r="G4" s="105"/>
      <c r="H4" s="105"/>
      <c r="I4" s="105"/>
      <c r="J4" s="105"/>
      <c r="K4" s="105"/>
      <c r="L4" s="105"/>
      <c r="M4" s="105"/>
      <c r="N4" s="105"/>
      <c r="O4" s="105"/>
      <c r="P4" s="105"/>
      <c r="Q4" s="105"/>
      <c r="R4" s="105"/>
      <c r="S4" s="105"/>
      <c r="T4" s="105"/>
      <c r="U4" s="105"/>
      <c r="V4" s="105"/>
      <c r="W4" s="105"/>
    </row>
    <row r="5" spans="1:23">
      <c r="A5" s="14" t="s">
        <v>99</v>
      </c>
      <c r="B5" s="15">
        <v>3</v>
      </c>
      <c r="C5" s="15">
        <v>3</v>
      </c>
      <c r="D5" s="15">
        <v>3</v>
      </c>
      <c r="E5" s="15" t="s">
        <v>100</v>
      </c>
      <c r="F5" s="99" t="s">
        <v>123</v>
      </c>
      <c r="G5" s="99"/>
      <c r="H5" s="99"/>
      <c r="I5" s="99"/>
      <c r="J5" s="99"/>
      <c r="K5" s="99"/>
      <c r="L5" s="99"/>
      <c r="M5" s="99"/>
      <c r="N5" s="99"/>
      <c r="O5" s="99"/>
      <c r="P5" s="99"/>
      <c r="Q5" s="99"/>
      <c r="R5" s="99"/>
      <c r="S5" s="99"/>
      <c r="T5" s="99"/>
      <c r="U5" s="99"/>
      <c r="V5" s="99"/>
      <c r="W5" s="99"/>
    </row>
    <row r="6" spans="1:23">
      <c r="A6" s="12" t="s">
        <v>101</v>
      </c>
      <c r="B6" s="30">
        <v>302727</v>
      </c>
      <c r="C6" s="30">
        <v>302727</v>
      </c>
      <c r="D6" s="30">
        <v>302727</v>
      </c>
      <c r="E6" s="10" t="s">
        <v>102</v>
      </c>
      <c r="F6" s="103" t="s">
        <v>196</v>
      </c>
      <c r="G6" s="103"/>
      <c r="H6" s="103"/>
      <c r="I6" s="103"/>
      <c r="J6" s="103"/>
      <c r="K6" s="103"/>
      <c r="L6" s="103"/>
      <c r="M6" s="103"/>
      <c r="N6" s="103"/>
      <c r="O6" s="103"/>
      <c r="P6" s="103"/>
      <c r="Q6" s="103"/>
      <c r="R6" s="103"/>
      <c r="S6" s="103"/>
      <c r="T6" s="103"/>
      <c r="U6" s="103"/>
      <c r="V6" s="103"/>
      <c r="W6" s="103"/>
    </row>
    <row r="7" spans="1:23">
      <c r="A7" s="14" t="s">
        <v>103</v>
      </c>
      <c r="B7" s="22">
        <v>111.83754594594596</v>
      </c>
      <c r="C7" s="22">
        <v>111.83754594594596</v>
      </c>
      <c r="D7" s="22">
        <v>111.83754594594596</v>
      </c>
      <c r="E7" s="15" t="s">
        <v>104</v>
      </c>
      <c r="F7" s="99" t="s">
        <v>122</v>
      </c>
      <c r="G7" s="99"/>
      <c r="H7" s="99"/>
      <c r="I7" s="99"/>
      <c r="J7" s="99"/>
      <c r="K7" s="99"/>
      <c r="L7" s="99"/>
      <c r="M7" s="99"/>
      <c r="N7" s="99"/>
      <c r="O7" s="99"/>
      <c r="P7" s="99"/>
      <c r="Q7" s="99"/>
      <c r="R7" s="99"/>
      <c r="S7" s="99"/>
      <c r="T7" s="99"/>
      <c r="U7" s="99"/>
      <c r="V7" s="99"/>
      <c r="W7" s="99"/>
    </row>
    <row r="8" spans="1:23">
      <c r="A8" s="12" t="s">
        <v>105</v>
      </c>
      <c r="B8" s="28">
        <v>0.2</v>
      </c>
      <c r="C8" s="28">
        <v>0.2</v>
      </c>
      <c r="D8" s="28">
        <v>0.2</v>
      </c>
      <c r="E8" s="10" t="s">
        <v>106</v>
      </c>
      <c r="F8" s="103" t="s">
        <v>107</v>
      </c>
      <c r="G8" s="103"/>
      <c r="H8" s="103"/>
      <c r="I8" s="103"/>
      <c r="J8" s="103"/>
      <c r="K8" s="103"/>
      <c r="L8" s="103"/>
      <c r="M8" s="103"/>
      <c r="N8" s="103"/>
      <c r="O8" s="103"/>
      <c r="P8" s="103"/>
      <c r="Q8" s="103"/>
      <c r="R8" s="103"/>
      <c r="S8" s="103"/>
      <c r="T8" s="103"/>
      <c r="U8" s="103"/>
      <c r="V8" s="103"/>
      <c r="W8" s="103"/>
    </row>
    <row r="9" spans="1:23">
      <c r="A9" s="14" t="s">
        <v>108</v>
      </c>
      <c r="B9" s="27">
        <v>0.03</v>
      </c>
      <c r="C9" s="27">
        <v>0.03</v>
      </c>
      <c r="D9" s="27">
        <v>0.03</v>
      </c>
      <c r="E9" s="15" t="s">
        <v>106</v>
      </c>
      <c r="F9" s="99" t="s">
        <v>109</v>
      </c>
      <c r="G9" s="99"/>
      <c r="H9" s="99"/>
      <c r="I9" s="99"/>
      <c r="J9" s="99"/>
      <c r="K9" s="99"/>
      <c r="L9" s="99"/>
      <c r="M9" s="99"/>
      <c r="N9" s="99"/>
      <c r="O9" s="99"/>
      <c r="P9" s="99"/>
      <c r="Q9" s="99"/>
      <c r="R9" s="99"/>
      <c r="S9" s="99"/>
      <c r="T9" s="99"/>
      <c r="U9" s="99"/>
      <c r="V9" s="99"/>
      <c r="W9" s="99"/>
    </row>
    <row r="10" spans="1:23">
      <c r="A10" s="12" t="s">
        <v>110</v>
      </c>
      <c r="B10" s="23">
        <v>239000</v>
      </c>
      <c r="C10" s="23">
        <v>126000</v>
      </c>
      <c r="D10" s="23">
        <v>75000</v>
      </c>
      <c r="E10" s="10" t="s">
        <v>111</v>
      </c>
      <c r="F10" s="102" t="s">
        <v>197</v>
      </c>
      <c r="G10" s="103"/>
      <c r="H10" s="103"/>
      <c r="I10" s="103"/>
      <c r="J10" s="103"/>
      <c r="K10" s="103"/>
      <c r="L10" s="103"/>
      <c r="M10" s="103"/>
      <c r="N10" s="103"/>
      <c r="O10" s="103"/>
      <c r="P10" s="103"/>
      <c r="Q10" s="103"/>
      <c r="R10" s="103"/>
      <c r="S10" s="103"/>
      <c r="T10" s="103"/>
      <c r="U10" s="103"/>
      <c r="V10" s="103"/>
      <c r="W10" s="103"/>
    </row>
    <row r="11" spans="1:23">
      <c r="A11" s="14" t="s">
        <v>112</v>
      </c>
      <c r="B11" s="22">
        <v>1000</v>
      </c>
      <c r="C11" s="22">
        <v>4000</v>
      </c>
      <c r="D11" s="22">
        <v>7500</v>
      </c>
      <c r="E11" s="15" t="s">
        <v>113</v>
      </c>
      <c r="F11" s="99" t="s">
        <v>114</v>
      </c>
      <c r="G11" s="99"/>
      <c r="H11" s="99"/>
      <c r="I11" s="99"/>
      <c r="J11" s="99"/>
      <c r="K11" s="99"/>
      <c r="L11" s="99"/>
      <c r="M11" s="99"/>
      <c r="N11" s="99"/>
      <c r="O11" s="99"/>
      <c r="P11" s="99"/>
      <c r="Q11" s="99"/>
      <c r="R11" s="99"/>
      <c r="S11" s="99"/>
      <c r="T11" s="99"/>
      <c r="U11" s="99"/>
      <c r="V11" s="99"/>
      <c r="W11" s="99"/>
    </row>
    <row r="12" spans="1:23">
      <c r="A12" s="12" t="s">
        <v>83</v>
      </c>
      <c r="B12" s="10">
        <v>80</v>
      </c>
      <c r="C12" s="10">
        <v>40</v>
      </c>
      <c r="D12" s="10">
        <v>5</v>
      </c>
      <c r="E12" s="10" t="s">
        <v>115</v>
      </c>
      <c r="F12" s="103" t="s">
        <v>116</v>
      </c>
      <c r="G12" s="103"/>
      <c r="H12" s="103"/>
      <c r="I12" s="103"/>
      <c r="J12" s="103"/>
      <c r="K12" s="103"/>
      <c r="L12" s="103"/>
      <c r="M12" s="103"/>
      <c r="N12" s="103"/>
      <c r="O12" s="103"/>
      <c r="P12" s="103"/>
      <c r="Q12" s="103"/>
      <c r="R12" s="103"/>
      <c r="S12" s="103"/>
      <c r="T12" s="103"/>
      <c r="U12" s="103"/>
      <c r="V12" s="103"/>
      <c r="W12" s="103"/>
    </row>
    <row r="13" spans="1:23">
      <c r="A13" s="14" t="s">
        <v>117</v>
      </c>
      <c r="B13" s="15">
        <v>0</v>
      </c>
      <c r="C13" s="15">
        <v>0</v>
      </c>
      <c r="D13" s="15">
        <v>0</v>
      </c>
      <c r="E13" s="15" t="s">
        <v>115</v>
      </c>
      <c r="F13" s="99" t="s">
        <v>198</v>
      </c>
      <c r="G13" s="99"/>
      <c r="H13" s="99"/>
      <c r="I13" s="99"/>
      <c r="J13" s="99"/>
      <c r="K13" s="99"/>
      <c r="L13" s="99"/>
      <c r="M13" s="99"/>
      <c r="N13" s="99"/>
      <c r="O13" s="99"/>
      <c r="P13" s="99"/>
      <c r="Q13" s="99"/>
      <c r="R13" s="99"/>
      <c r="S13" s="99"/>
      <c r="T13" s="99"/>
      <c r="U13" s="99"/>
      <c r="V13" s="99"/>
      <c r="W13" s="99"/>
    </row>
    <row r="14" spans="1:23">
      <c r="A14" s="13" t="s">
        <v>118</v>
      </c>
      <c r="B14" s="11" t="s">
        <v>126</v>
      </c>
      <c r="C14" s="11" t="s">
        <v>126</v>
      </c>
      <c r="D14" s="11" t="s">
        <v>126</v>
      </c>
      <c r="E14" s="11" t="s">
        <v>106</v>
      </c>
      <c r="F14" s="104" t="s">
        <v>140</v>
      </c>
      <c r="G14" s="104"/>
      <c r="H14" s="104"/>
      <c r="I14" s="104"/>
      <c r="J14" s="104"/>
      <c r="K14" s="104"/>
      <c r="L14" s="104"/>
      <c r="M14" s="104"/>
      <c r="N14" s="104"/>
      <c r="O14" s="104"/>
      <c r="P14" s="104"/>
      <c r="Q14" s="104"/>
      <c r="R14" s="104"/>
      <c r="S14" s="104"/>
      <c r="T14" s="104"/>
      <c r="U14" s="104"/>
      <c r="V14" s="104"/>
      <c r="W14" s="104"/>
    </row>
    <row r="15" spans="1:23">
      <c r="A15" s="17"/>
    </row>
    <row r="16" spans="1:23" ht="13">
      <c r="A16" s="1" t="s">
        <v>120</v>
      </c>
    </row>
    <row r="17" spans="1:9">
      <c r="A17" s="16" t="s">
        <v>85</v>
      </c>
      <c r="B17" s="16" t="s">
        <v>95</v>
      </c>
      <c r="C17" s="16" t="s">
        <v>96</v>
      </c>
      <c r="D17" s="16" t="s">
        <v>97</v>
      </c>
      <c r="E17" s="16" t="s">
        <v>86</v>
      </c>
    </row>
    <row r="18" spans="1:9">
      <c r="A18" s="14" t="s">
        <v>87</v>
      </c>
      <c r="B18" s="8">
        <v>101568734.31473516</v>
      </c>
      <c r="C18" s="8">
        <v>101568734.31473516</v>
      </c>
      <c r="D18" s="8">
        <v>101568734.31473516</v>
      </c>
      <c r="E18" s="15" t="s">
        <v>88</v>
      </c>
    </row>
    <row r="19" spans="1:9">
      <c r="A19" s="12" t="s">
        <v>89</v>
      </c>
      <c r="B19" s="7">
        <v>20313746.862947032</v>
      </c>
      <c r="C19" s="7">
        <v>20313746.862947032</v>
      </c>
      <c r="D19" s="7">
        <v>20313746.862947032</v>
      </c>
      <c r="E19" s="10" t="s">
        <v>90</v>
      </c>
    </row>
    <row r="20" spans="1:9">
      <c r="A20" s="14" t="s">
        <v>91</v>
      </c>
      <c r="B20" s="8">
        <v>3047062.0294420547</v>
      </c>
      <c r="C20" s="8">
        <v>3047062.0294420547</v>
      </c>
      <c r="D20" s="8">
        <v>3047062.0294420547</v>
      </c>
      <c r="E20" s="15" t="s">
        <v>90</v>
      </c>
    </row>
    <row r="21" spans="1:9">
      <c r="A21" s="12" t="s">
        <v>92</v>
      </c>
      <c r="B21" s="10">
        <v>239</v>
      </c>
      <c r="C21" s="10">
        <v>31.5</v>
      </c>
      <c r="D21" s="10">
        <v>10</v>
      </c>
      <c r="E21" s="10" t="s">
        <v>93</v>
      </c>
    </row>
    <row r="22" spans="1:9">
      <c r="A22" s="3" t="s">
        <v>83</v>
      </c>
      <c r="B22" s="4">
        <v>80</v>
      </c>
      <c r="C22" s="4">
        <v>40</v>
      </c>
      <c r="D22" s="4">
        <v>5</v>
      </c>
      <c r="E22" s="4" t="s">
        <v>93</v>
      </c>
    </row>
    <row r="23" spans="1:9">
      <c r="A23" s="17" t="s">
        <v>201</v>
      </c>
    </row>
    <row r="25" spans="1:9" ht="13">
      <c r="A25" s="1" t="s">
        <v>139</v>
      </c>
    </row>
    <row r="26" spans="1:9" ht="13" thickBot="1">
      <c r="A26" s="80"/>
      <c r="B26" s="96" t="s">
        <v>127</v>
      </c>
      <c r="C26" s="96"/>
      <c r="D26" s="96" t="s">
        <v>128</v>
      </c>
      <c r="E26" s="96"/>
      <c r="F26" s="96"/>
      <c r="G26" s="96" t="s">
        <v>129</v>
      </c>
      <c r="H26" s="96"/>
      <c r="I26" s="96"/>
    </row>
    <row r="27" spans="1:9" ht="14" thickBot="1">
      <c r="A27" s="43" t="s">
        <v>118</v>
      </c>
      <c r="B27" s="43" t="s">
        <v>136</v>
      </c>
      <c r="C27" s="97" t="s">
        <v>137</v>
      </c>
      <c r="D27" s="97"/>
      <c r="E27" s="43" t="s">
        <v>130</v>
      </c>
      <c r="F27" s="97" t="s">
        <v>131</v>
      </c>
      <c r="G27" s="97"/>
      <c r="H27" s="43" t="s">
        <v>130</v>
      </c>
      <c r="I27" s="44" t="s">
        <v>131</v>
      </c>
    </row>
    <row r="28" spans="1:9">
      <c r="A28" s="45" t="s">
        <v>132</v>
      </c>
      <c r="B28" s="46">
        <v>7.0000000000000001E-3</v>
      </c>
      <c r="C28" s="98">
        <v>142</v>
      </c>
      <c r="D28" s="98"/>
      <c r="E28" s="46">
        <v>1.2E-2</v>
      </c>
      <c r="F28" s="98">
        <v>85</v>
      </c>
      <c r="G28" s="98"/>
      <c r="H28" s="46">
        <v>2.8000000000000001E-2</v>
      </c>
      <c r="I28" s="32">
        <v>36</v>
      </c>
    </row>
    <row r="29" spans="1:9">
      <c r="A29" s="47" t="s">
        <v>133</v>
      </c>
      <c r="B29" s="48">
        <v>1.2E-2</v>
      </c>
      <c r="C29" s="100">
        <v>85</v>
      </c>
      <c r="D29" s="100"/>
      <c r="E29" s="48">
        <v>1.7999999999999999E-2</v>
      </c>
      <c r="F29" s="100">
        <v>55</v>
      </c>
      <c r="G29" s="100"/>
      <c r="H29" s="48">
        <v>3.6999999999999998E-2</v>
      </c>
      <c r="I29" s="31">
        <v>27</v>
      </c>
    </row>
    <row r="30" spans="1:9">
      <c r="A30" s="45" t="s">
        <v>134</v>
      </c>
      <c r="B30" s="46">
        <v>1.6E-2</v>
      </c>
      <c r="C30" s="101">
        <v>62</v>
      </c>
      <c r="D30" s="101"/>
      <c r="E30" s="46">
        <v>2.4E-2</v>
      </c>
      <c r="F30" s="101">
        <v>42</v>
      </c>
      <c r="G30" s="101"/>
      <c r="H30" s="46">
        <v>4.4999999999999998E-2</v>
      </c>
      <c r="I30" s="32">
        <v>22</v>
      </c>
    </row>
    <row r="31" spans="1:9" ht="13" thickBot="1">
      <c r="A31" s="49" t="s">
        <v>135</v>
      </c>
      <c r="B31" s="50">
        <v>0.02</v>
      </c>
      <c r="C31" s="95">
        <v>49</v>
      </c>
      <c r="D31" s="95"/>
      <c r="E31" s="50">
        <v>2.9000000000000001E-2</v>
      </c>
      <c r="F31" s="95">
        <v>34</v>
      </c>
      <c r="G31" s="95"/>
      <c r="H31" s="50">
        <v>5.2999999999999999E-2</v>
      </c>
      <c r="I31" s="33">
        <v>19</v>
      </c>
    </row>
    <row r="32" spans="1:9">
      <c r="A32" s="9" t="s">
        <v>138</v>
      </c>
    </row>
    <row r="33" spans="1:1">
      <c r="A33" s="17" t="s">
        <v>201</v>
      </c>
    </row>
  </sheetData>
  <mergeCells count="24">
    <mergeCell ref="F4:W4"/>
    <mergeCell ref="F5:W5"/>
    <mergeCell ref="F6:W6"/>
    <mergeCell ref="F7:W7"/>
    <mergeCell ref="F8:W8"/>
    <mergeCell ref="F9:W9"/>
    <mergeCell ref="C29:D29"/>
    <mergeCell ref="F29:G29"/>
    <mergeCell ref="C30:D30"/>
    <mergeCell ref="F30:G30"/>
    <mergeCell ref="F10:W10"/>
    <mergeCell ref="F11:W11"/>
    <mergeCell ref="F12:W12"/>
    <mergeCell ref="F13:W13"/>
    <mergeCell ref="F14:W14"/>
    <mergeCell ref="C31:D31"/>
    <mergeCell ref="F31:G31"/>
    <mergeCell ref="B26:C26"/>
    <mergeCell ref="D26:F26"/>
    <mergeCell ref="G26:I26"/>
    <mergeCell ref="C27:D27"/>
    <mergeCell ref="F27:G27"/>
    <mergeCell ref="C28:D28"/>
    <mergeCell ref="F28:G28"/>
  </mergeCells>
  <pageMargins left="0.7" right="0.7" top="0.75" bottom="0.75" header="0.3" footer="0.3"/>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8CCFC6-8C93-48EA-A3CA-1453A2DA1791}">
  <dimension ref="A1:L15"/>
  <sheetViews>
    <sheetView showGridLines="0" workbookViewId="0"/>
  </sheetViews>
  <sheetFormatPr defaultRowHeight="12.5"/>
  <cols>
    <col min="1" max="1" width="5.54296875" customWidth="1"/>
    <col min="2" max="2" width="17" bestFit="1" customWidth="1"/>
    <col min="3" max="4" width="9.36328125" bestFit="1" customWidth="1"/>
    <col min="5" max="5" width="23.90625" bestFit="1" customWidth="1"/>
    <col min="6" max="6" width="22.90625" bestFit="1" customWidth="1"/>
    <col min="7" max="7" width="11.90625" bestFit="1" customWidth="1"/>
    <col min="8" max="8" width="11.54296875" bestFit="1" customWidth="1"/>
    <col min="9" max="9" width="11" bestFit="1" customWidth="1"/>
    <col min="10" max="10" width="16.6328125" bestFit="1" customWidth="1"/>
    <col min="11" max="11" width="40.81640625" bestFit="1" customWidth="1"/>
    <col min="12" max="13" width="24.453125" bestFit="1" customWidth="1"/>
  </cols>
  <sheetData>
    <row r="1" spans="1:12" ht="13">
      <c r="A1" s="1" t="s">
        <v>169</v>
      </c>
    </row>
    <row r="3" spans="1:12">
      <c r="A3" s="51" t="s">
        <v>5</v>
      </c>
      <c r="B3" s="51" t="s">
        <v>160</v>
      </c>
      <c r="C3" s="51" t="s">
        <v>130</v>
      </c>
      <c r="D3" s="51"/>
      <c r="E3" s="51" t="s">
        <v>161</v>
      </c>
      <c r="F3" s="51" t="s">
        <v>165</v>
      </c>
      <c r="G3" s="51" t="s">
        <v>162</v>
      </c>
      <c r="H3" s="51" t="s">
        <v>145</v>
      </c>
      <c r="I3" s="51" t="s">
        <v>163</v>
      </c>
      <c r="J3" s="51" t="s">
        <v>159</v>
      </c>
      <c r="K3" s="51" t="s">
        <v>164</v>
      </c>
      <c r="L3" s="51" t="s">
        <v>166</v>
      </c>
    </row>
    <row r="4" spans="1:12">
      <c r="A4" s="14">
        <v>1</v>
      </c>
      <c r="B4" s="15" t="s">
        <v>167</v>
      </c>
      <c r="C4" s="15">
        <v>0.5</v>
      </c>
      <c r="D4" s="15"/>
      <c r="E4" s="22">
        <v>125000000</v>
      </c>
      <c r="F4" s="8">
        <v>2000000</v>
      </c>
      <c r="G4" s="8">
        <v>100000000</v>
      </c>
      <c r="H4" s="8">
        <v>20000000</v>
      </c>
      <c r="I4" s="8">
        <v>30000000</v>
      </c>
      <c r="J4" s="8">
        <v>150000000</v>
      </c>
      <c r="K4" s="8">
        <v>275000000</v>
      </c>
      <c r="L4" s="8">
        <v>125000000</v>
      </c>
    </row>
    <row r="5" spans="1:12">
      <c r="A5" s="12">
        <v>2</v>
      </c>
      <c r="B5" s="10" t="s">
        <v>167</v>
      </c>
      <c r="C5" s="10">
        <v>0.5</v>
      </c>
      <c r="D5" s="10"/>
      <c r="E5" s="23">
        <v>125000000</v>
      </c>
      <c r="F5" s="7">
        <v>4000000</v>
      </c>
      <c r="G5" s="7">
        <v>100000000</v>
      </c>
      <c r="H5" s="7">
        <v>40000000</v>
      </c>
      <c r="I5" s="7">
        <v>60000000</v>
      </c>
      <c r="J5" s="7">
        <v>340476190.47619045</v>
      </c>
      <c r="K5" s="7">
        <v>465476190.47619045</v>
      </c>
      <c r="L5" s="7">
        <v>363095238.09523809</v>
      </c>
    </row>
    <row r="6" spans="1:12">
      <c r="A6" s="14">
        <v>3</v>
      </c>
      <c r="B6" s="15" t="s">
        <v>168</v>
      </c>
      <c r="C6" s="15">
        <v>0</v>
      </c>
      <c r="D6" s="15"/>
      <c r="E6" s="22">
        <v>125000000</v>
      </c>
      <c r="F6" s="8">
        <v>4000000</v>
      </c>
      <c r="G6" s="8">
        <v>0</v>
      </c>
      <c r="H6" s="8">
        <v>40000000</v>
      </c>
      <c r="I6" s="8">
        <v>60000000</v>
      </c>
      <c r="J6" s="8">
        <v>431179138.32199544</v>
      </c>
      <c r="K6" s="8">
        <v>556179138.3219955</v>
      </c>
      <c r="L6" s="8">
        <v>589852607.70975053</v>
      </c>
    </row>
    <row r="7" spans="1:12">
      <c r="A7" s="12">
        <v>4</v>
      </c>
      <c r="B7" s="10" t="s">
        <v>168</v>
      </c>
      <c r="C7" s="10">
        <v>0</v>
      </c>
      <c r="D7" s="10"/>
      <c r="E7" s="23">
        <v>125000000</v>
      </c>
      <c r="F7" s="7">
        <v>4000000</v>
      </c>
      <c r="G7" s="7">
        <v>0</v>
      </c>
      <c r="H7" s="7">
        <v>40000000</v>
      </c>
      <c r="I7" s="7">
        <v>60000000</v>
      </c>
      <c r="J7" s="7">
        <v>517562898.175143</v>
      </c>
      <c r="K7" s="7">
        <v>642562898.175143</v>
      </c>
      <c r="L7" s="7">
        <v>805812007.34261954</v>
      </c>
    </row>
    <row r="8" spans="1:12">
      <c r="A8" s="14">
        <v>5</v>
      </c>
      <c r="B8" s="15" t="s">
        <v>168</v>
      </c>
      <c r="C8" s="15">
        <v>0</v>
      </c>
      <c r="D8" s="15"/>
      <c r="E8" s="22">
        <v>125000000</v>
      </c>
      <c r="F8" s="8">
        <v>4000000</v>
      </c>
      <c r="G8" s="8">
        <v>0</v>
      </c>
      <c r="H8" s="8">
        <v>40000000</v>
      </c>
      <c r="I8" s="8">
        <v>60000000</v>
      </c>
      <c r="J8" s="8">
        <v>599833145.65433121</v>
      </c>
      <c r="K8" s="8">
        <v>724833145.65433121</v>
      </c>
      <c r="L8" s="8">
        <v>1011487626.04059</v>
      </c>
    </row>
    <row r="9" spans="1:12">
      <c r="A9" s="12">
        <v>6</v>
      </c>
      <c r="B9" s="10" t="s">
        <v>168</v>
      </c>
      <c r="C9" s="10">
        <v>0</v>
      </c>
      <c r="D9" s="10"/>
      <c r="E9" s="23">
        <v>125000000</v>
      </c>
      <c r="F9" s="7">
        <v>4000000</v>
      </c>
      <c r="G9" s="7">
        <v>0</v>
      </c>
      <c r="H9" s="7">
        <v>40000000</v>
      </c>
      <c r="I9" s="7">
        <v>60000000</v>
      </c>
      <c r="J9" s="7">
        <v>678185762.30117714</v>
      </c>
      <c r="K9" s="7">
        <v>803185762.30117714</v>
      </c>
      <c r="L9" s="7">
        <v>1207369167.6577048</v>
      </c>
    </row>
    <row r="10" spans="1:12">
      <c r="A10" s="14">
        <v>7</v>
      </c>
      <c r="B10" s="15" t="s">
        <v>168</v>
      </c>
      <c r="C10" s="15">
        <v>0</v>
      </c>
      <c r="D10" s="15"/>
      <c r="E10" s="22">
        <v>125000000</v>
      </c>
      <c r="F10" s="8">
        <v>4000000</v>
      </c>
      <c r="G10" s="8">
        <v>0</v>
      </c>
      <c r="H10" s="8">
        <v>40000000</v>
      </c>
      <c r="I10" s="8">
        <v>60000000</v>
      </c>
      <c r="J10" s="8">
        <v>752807301.96483994</v>
      </c>
      <c r="K10" s="8">
        <v>877807301.96483994</v>
      </c>
      <c r="L10" s="8">
        <v>1393923016.8168616</v>
      </c>
    </row>
    <row r="11" spans="1:12">
      <c r="A11" s="12">
        <v>8</v>
      </c>
      <c r="B11" s="10" t="s">
        <v>168</v>
      </c>
      <c r="C11" s="10">
        <v>0</v>
      </c>
      <c r="D11" s="10"/>
      <c r="E11" s="23">
        <v>125000000</v>
      </c>
      <c r="F11" s="7">
        <v>4000000</v>
      </c>
      <c r="G11" s="7">
        <v>0</v>
      </c>
      <c r="H11" s="7">
        <v>40000000</v>
      </c>
      <c r="I11" s="7">
        <v>60000000</v>
      </c>
      <c r="J11" s="7">
        <v>823875434.97785211</v>
      </c>
      <c r="K11" s="7">
        <v>948875434.97785211</v>
      </c>
      <c r="L11" s="7">
        <v>1571593349.3493919</v>
      </c>
    </row>
    <row r="12" spans="1:12">
      <c r="A12" s="14">
        <v>9</v>
      </c>
      <c r="B12" s="15" t="s">
        <v>168</v>
      </c>
      <c r="C12" s="15">
        <v>0</v>
      </c>
      <c r="D12" s="15"/>
      <c r="E12" s="22">
        <v>125000000</v>
      </c>
      <c r="F12" s="8">
        <v>4000000</v>
      </c>
      <c r="G12" s="8">
        <v>0</v>
      </c>
      <c r="H12" s="8">
        <v>40000000</v>
      </c>
      <c r="I12" s="8">
        <v>60000000</v>
      </c>
      <c r="J12" s="8">
        <v>891559371.18072081</v>
      </c>
      <c r="K12" s="8">
        <v>1016559371.1807208</v>
      </c>
      <c r="L12" s="8">
        <v>1740803189.8565638</v>
      </c>
    </row>
    <row r="13" spans="1:12">
      <c r="A13" s="13">
        <v>10</v>
      </c>
      <c r="B13" s="11" t="s">
        <v>168</v>
      </c>
      <c r="C13" s="11">
        <v>0</v>
      </c>
      <c r="D13" s="11"/>
      <c r="E13" s="24">
        <v>125000000</v>
      </c>
      <c r="F13" s="26">
        <v>4000000</v>
      </c>
      <c r="G13" s="26">
        <v>0</v>
      </c>
      <c r="H13" s="26">
        <v>40000000</v>
      </c>
      <c r="I13" s="26">
        <v>60000000</v>
      </c>
      <c r="J13" s="26">
        <v>956020262.80250049</v>
      </c>
      <c r="K13" s="26">
        <v>1081020262.8025005</v>
      </c>
      <c r="L13" s="26">
        <v>1901955418.9110131</v>
      </c>
    </row>
    <row r="15" spans="1:12">
      <c r="A15" s="17" t="s">
        <v>201</v>
      </c>
    </row>
  </sheetData>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5287FBC-A910-471B-99B5-428E40D40FFF}">
  <dimension ref="A1:E31"/>
  <sheetViews>
    <sheetView showGridLines="0" workbookViewId="0"/>
  </sheetViews>
  <sheetFormatPr defaultRowHeight="12.5"/>
  <cols>
    <col min="1" max="1" width="36" bestFit="1" customWidth="1"/>
    <col min="2" max="2" width="18.1796875" customWidth="1"/>
    <col min="3" max="4" width="14.36328125" bestFit="1" customWidth="1"/>
    <col min="5" max="5" width="15.6328125" bestFit="1" customWidth="1"/>
    <col min="6" max="7" width="14.1796875" bestFit="1" customWidth="1"/>
    <col min="8" max="8" width="13.36328125" bestFit="1" customWidth="1"/>
    <col min="9" max="9" width="14.90625" bestFit="1" customWidth="1"/>
    <col min="10" max="10" width="15.6328125" bestFit="1" customWidth="1"/>
    <col min="11" max="11" width="15.90625" bestFit="1" customWidth="1"/>
    <col min="12" max="12" width="17.54296875" bestFit="1" customWidth="1"/>
    <col min="13" max="13" width="17.453125" bestFit="1" customWidth="1"/>
  </cols>
  <sheetData>
    <row r="1" spans="1:5" ht="13">
      <c r="A1" s="1" t="s">
        <v>206</v>
      </c>
    </row>
    <row r="2" spans="1:5" ht="13">
      <c r="A2" s="1"/>
    </row>
    <row r="3" spans="1:5" ht="13">
      <c r="A3" s="1" t="s">
        <v>119</v>
      </c>
    </row>
    <row r="4" spans="1:5">
      <c r="A4" s="16" t="s">
        <v>119</v>
      </c>
      <c r="B4" s="16" t="s">
        <v>141</v>
      </c>
      <c r="C4" s="16" t="s">
        <v>142</v>
      </c>
    </row>
    <row r="5" spans="1:5">
      <c r="A5" s="14" t="s">
        <v>143</v>
      </c>
      <c r="B5" s="36">
        <v>2000000</v>
      </c>
      <c r="C5" s="36">
        <v>4000000</v>
      </c>
    </row>
    <row r="6" spans="1:5">
      <c r="A6" s="12" t="s">
        <v>144</v>
      </c>
      <c r="B6" s="34">
        <v>35</v>
      </c>
      <c r="C6" s="25">
        <v>15</v>
      </c>
    </row>
    <row r="7" spans="1:5">
      <c r="A7" s="14" t="s">
        <v>145</v>
      </c>
      <c r="B7" s="35">
        <v>15</v>
      </c>
      <c r="C7" s="35">
        <v>10</v>
      </c>
    </row>
    <row r="8" spans="1:5">
      <c r="A8" s="12" t="s">
        <v>146</v>
      </c>
      <c r="B8" s="34">
        <v>200</v>
      </c>
      <c r="C8" s="34">
        <v>50</v>
      </c>
    </row>
    <row r="9" spans="1:5">
      <c r="A9" s="14" t="s">
        <v>147</v>
      </c>
      <c r="B9" s="15">
        <v>1</v>
      </c>
      <c r="C9" s="15">
        <v>1</v>
      </c>
    </row>
    <row r="10" spans="1:5">
      <c r="A10" s="12" t="s">
        <v>148</v>
      </c>
      <c r="B10" s="34">
        <v>500000000</v>
      </c>
      <c r="C10" s="34">
        <v>500000000</v>
      </c>
    </row>
    <row r="11" spans="1:5">
      <c r="A11" s="14" t="s">
        <v>149</v>
      </c>
      <c r="B11" s="15">
        <v>4</v>
      </c>
      <c r="C11" s="15">
        <v>2</v>
      </c>
    </row>
    <row r="12" spans="1:5">
      <c r="A12" s="13" t="s">
        <v>118</v>
      </c>
      <c r="B12" s="29">
        <v>0.05</v>
      </c>
      <c r="C12" s="29">
        <v>0.05</v>
      </c>
    </row>
    <row r="13" spans="1:5">
      <c r="A13" s="17" t="s">
        <v>171</v>
      </c>
    </row>
    <row r="14" spans="1:5">
      <c r="A14" s="17"/>
    </row>
    <row r="15" spans="1:5" ht="13">
      <c r="A15" s="1" t="s">
        <v>170</v>
      </c>
    </row>
    <row r="16" spans="1:5">
      <c r="A16" s="16" t="s">
        <v>150</v>
      </c>
      <c r="B16" s="16" t="s">
        <v>151</v>
      </c>
      <c r="C16" s="16" t="s">
        <v>152</v>
      </c>
      <c r="D16" s="16" t="s">
        <v>153</v>
      </c>
      <c r="E16" s="16" t="s">
        <v>142</v>
      </c>
    </row>
    <row r="17" spans="1:5">
      <c r="A17" s="14" t="s">
        <v>154</v>
      </c>
      <c r="B17" s="8">
        <v>15</v>
      </c>
      <c r="C17" s="8">
        <v>30</v>
      </c>
      <c r="D17" s="8">
        <v>35</v>
      </c>
      <c r="E17" s="8">
        <v>30</v>
      </c>
    </row>
    <row r="18" spans="1:5">
      <c r="A18" s="12" t="s">
        <v>155</v>
      </c>
      <c r="B18" s="7">
        <v>15</v>
      </c>
      <c r="C18" s="7">
        <v>35</v>
      </c>
      <c r="D18" s="7">
        <v>20</v>
      </c>
      <c r="E18" s="7">
        <v>20</v>
      </c>
    </row>
    <row r="19" spans="1:5">
      <c r="A19" s="14" t="s">
        <v>156</v>
      </c>
      <c r="B19" s="8">
        <v>30</v>
      </c>
      <c r="C19" s="8">
        <v>65</v>
      </c>
      <c r="D19" s="8">
        <v>55</v>
      </c>
      <c r="E19" s="8">
        <v>50</v>
      </c>
    </row>
    <row r="20" spans="1:5">
      <c r="A20" s="12" t="s">
        <v>157</v>
      </c>
      <c r="B20" s="7">
        <v>-4000000</v>
      </c>
      <c r="C20" s="7">
        <v>2000000</v>
      </c>
      <c r="D20" s="7">
        <v>2000000</v>
      </c>
      <c r="E20" s="7">
        <v>4000000</v>
      </c>
    </row>
    <row r="21" spans="1:5">
      <c r="A21" s="3" t="s">
        <v>158</v>
      </c>
      <c r="B21" s="37">
        <v>-120000000</v>
      </c>
      <c r="C21" s="37">
        <v>130000000</v>
      </c>
      <c r="D21" s="37">
        <v>110000000</v>
      </c>
      <c r="E21" s="37">
        <v>200000000</v>
      </c>
    </row>
    <row r="22" spans="1:5">
      <c r="A22" s="17" t="s">
        <v>171</v>
      </c>
    </row>
    <row r="24" spans="1:5" ht="13">
      <c r="A24" s="1" t="s">
        <v>181</v>
      </c>
    </row>
    <row r="25" spans="1:5" ht="13" thickBot="1">
      <c r="A25" s="52" t="s">
        <v>172</v>
      </c>
      <c r="B25" s="53" t="s">
        <v>173</v>
      </c>
      <c r="C25" s="53" t="s">
        <v>174</v>
      </c>
      <c r="D25" s="53" t="s">
        <v>142</v>
      </c>
    </row>
    <row r="26" spans="1:5">
      <c r="A26" s="54" t="s">
        <v>168</v>
      </c>
      <c r="B26" s="55">
        <v>956020263</v>
      </c>
      <c r="C26" s="56" t="s">
        <v>175</v>
      </c>
      <c r="D26" s="56" t="s">
        <v>176</v>
      </c>
    </row>
    <row r="27" spans="1:5">
      <c r="A27" s="57" t="s">
        <v>177</v>
      </c>
      <c r="B27" s="58">
        <v>57457447</v>
      </c>
      <c r="C27" s="59" t="s">
        <v>178</v>
      </c>
      <c r="D27" s="59" t="s">
        <v>179</v>
      </c>
    </row>
    <row r="28" spans="1:5">
      <c r="A28" s="54" t="s">
        <v>167</v>
      </c>
      <c r="B28" s="56" t="s">
        <v>180</v>
      </c>
      <c r="C28" s="60">
        <v>262669310</v>
      </c>
      <c r="D28" s="55">
        <v>820935156</v>
      </c>
    </row>
    <row r="29" spans="1:5">
      <c r="A29" s="17" t="s">
        <v>183</v>
      </c>
    </row>
    <row r="31" spans="1:5" ht="76.5" customHeight="1">
      <c r="A31" s="106" t="s">
        <v>182</v>
      </c>
      <c r="B31" s="106"/>
      <c r="C31" s="106"/>
      <c r="D31" s="106"/>
      <c r="E31" s="106"/>
    </row>
  </sheetData>
  <mergeCells count="1">
    <mergeCell ref="A31:E31"/>
  </mergeCells>
  <pageMargins left="0.7" right="0.7" top="0.75" bottom="0.75" header="0.3" footer="0.3"/>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07BD21-1C81-408B-B49C-81E92CE50426}">
  <dimension ref="A1:V17"/>
  <sheetViews>
    <sheetView showGridLines="0" workbookViewId="0"/>
  </sheetViews>
  <sheetFormatPr defaultRowHeight="12.5"/>
  <cols>
    <col min="1" max="1" width="31.81640625" customWidth="1"/>
  </cols>
  <sheetData>
    <row r="1" spans="1:22" ht="13">
      <c r="A1" s="1" t="s">
        <v>207</v>
      </c>
    </row>
    <row r="3" spans="1:22">
      <c r="A3" s="16" t="s">
        <v>184</v>
      </c>
      <c r="B3" s="16" t="s">
        <v>185</v>
      </c>
    </row>
    <row r="4" spans="1:22">
      <c r="A4" s="14" t="s">
        <v>186</v>
      </c>
      <c r="B4" s="79">
        <v>0.34</v>
      </c>
    </row>
    <row r="5" spans="1:22">
      <c r="A5" s="12" t="s">
        <v>192</v>
      </c>
      <c r="B5" s="77">
        <v>0.224</v>
      </c>
    </row>
    <row r="6" spans="1:22">
      <c r="A6" s="14" t="s">
        <v>187</v>
      </c>
      <c r="B6" s="79">
        <v>0.217</v>
      </c>
    </row>
    <row r="7" spans="1:22">
      <c r="A7" s="12" t="s">
        <v>44</v>
      </c>
      <c r="B7" s="77">
        <v>0.18099999999999999</v>
      </c>
    </row>
    <row r="8" spans="1:22">
      <c r="A8" s="14" t="s">
        <v>188</v>
      </c>
      <c r="B8" s="79">
        <v>0.105</v>
      </c>
    </row>
    <row r="9" spans="1:22">
      <c r="A9" s="12" t="s">
        <v>189</v>
      </c>
      <c r="B9" s="77">
        <v>6.8000000000000005E-2</v>
      </c>
    </row>
    <row r="10" spans="1:22">
      <c r="A10" s="14" t="s">
        <v>190</v>
      </c>
      <c r="B10" s="79">
        <v>3.1E-2</v>
      </c>
    </row>
    <row r="11" spans="1:22">
      <c r="A11" s="13" t="s">
        <v>191</v>
      </c>
      <c r="B11" s="78">
        <v>-0.16700000000000001</v>
      </c>
    </row>
    <row r="13" spans="1:22" ht="23" customHeight="1">
      <c r="A13" s="107" t="s">
        <v>193</v>
      </c>
      <c r="B13" s="107"/>
      <c r="C13" s="107"/>
      <c r="D13" s="107"/>
      <c r="E13" s="107"/>
      <c r="F13" s="107"/>
      <c r="G13" s="107"/>
      <c r="H13" s="107"/>
      <c r="I13" s="107"/>
      <c r="J13" s="107"/>
      <c r="K13" s="107"/>
      <c r="L13" s="107"/>
      <c r="M13" s="107"/>
      <c r="N13" s="107"/>
      <c r="O13" s="107"/>
      <c r="P13" s="107"/>
      <c r="Q13" s="107"/>
      <c r="R13" s="107"/>
      <c r="S13" s="107"/>
      <c r="T13" s="107"/>
      <c r="U13" s="107"/>
      <c r="V13" s="107"/>
    </row>
    <row r="14" spans="1:22">
      <c r="A14" s="17" t="s">
        <v>203</v>
      </c>
    </row>
    <row r="17" ht="58" customHeight="1"/>
  </sheetData>
  <mergeCells count="1">
    <mergeCell ref="A13:V13"/>
  </mergeCell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transformationConfigurations":[],"templateName":"Supporting chart data workbook","templateDescription":"Use for data you plan to publish on the website. Includes 'about' and 'contents' tabs.","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0317</_dlc_DocId>
    <_dlc_DocIdUrl xmlns="20393cdf-440a-4521-8f19-00ba43423d00">
      <Url>https://pcgov.sharepoint.com/sites/sceteam/_layouts/15/DocIdRedir.aspx?ID=MPWT-2140667901-90317</Url>
      <Description>MPWT-2140667901-90317</Description>
    </_dlc_DocIdUrl>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b1f279405a0a89646073d5e7cfba394">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84c23a0064bc12fc100fbab1c7a35c2"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58D938DD-EC6F-4D42-AA4F-4A0F2A288CFB}">
  <ds:schemaRefs/>
</ds:datastoreItem>
</file>

<file path=customXml/itemProps2.xml><?xml version="1.0" encoding="utf-8"?>
<ds:datastoreItem xmlns:ds="http://schemas.openxmlformats.org/officeDocument/2006/customXml" ds:itemID="{AAA7A666-9F4C-4408-8D08-8A8B4EAD4C91}">
  <ds:schemaRefs>
    <ds:schemaRef ds:uri="http://purl.org/dc/elements/1.1/"/>
    <ds:schemaRef ds:uri="http://schemas.microsoft.com/office/2006/metadata/properties"/>
    <ds:schemaRef ds:uri="http://purl.org/dc/terms/"/>
    <ds:schemaRef ds:uri="20393cdf-440a-4521-8f19-00ba43423d00"/>
    <ds:schemaRef ds:uri="http://purl.org/dc/dcmitype/"/>
    <ds:schemaRef ds:uri="http://schemas.microsoft.com/office/2006/documentManagement/types"/>
    <ds:schemaRef ds:uri="http://www.w3.org/XML/1998/namespace"/>
    <ds:schemaRef ds:uri="http://schemas.microsoft.com/office/infopath/2007/PartnerControls"/>
    <ds:schemaRef ds:uri="http://schemas.openxmlformats.org/package/2006/metadata/core-properties"/>
    <ds:schemaRef ds:uri="3d385984-9344-419b-a80b-49c06a2bdab8"/>
  </ds:schemaRefs>
</ds:datastoreItem>
</file>

<file path=customXml/itemProps3.xml><?xml version="1.0" encoding="utf-8"?>
<ds:datastoreItem xmlns:ds="http://schemas.openxmlformats.org/officeDocument/2006/customXml" ds:itemID="{DBAEBB4B-7232-4253-A87A-FA094591008C}">
  <ds:schemaRefs>
    <ds:schemaRef ds:uri="http://schemas.microsoft.com/sharepoint/v3/contenttype/forms"/>
  </ds:schemaRefs>
</ds:datastoreItem>
</file>

<file path=customXml/itemProps4.xml><?xml version="1.0" encoding="utf-8"?>
<ds:datastoreItem xmlns:ds="http://schemas.openxmlformats.org/officeDocument/2006/customXml" ds:itemID="{A7E53B1A-7F2B-44AA-B3CA-E641FC636E96}">
  <ds:schemaRefs>
    <ds:schemaRef ds:uri="http://schemas.microsoft.com/sharepoint/events"/>
  </ds:schemaRefs>
</ds:datastoreItem>
</file>

<file path=customXml/itemProps5.xml><?xml version="1.0" encoding="utf-8"?>
<ds:datastoreItem xmlns:ds="http://schemas.openxmlformats.org/officeDocument/2006/customXml" ds:itemID="{2CEEE0C8-7548-4622-A009-721A1DC21D5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E1EFC478-5E73-45FD-BFC4-BC55619BF7EA}">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9</vt:i4>
      </vt:variant>
      <vt:variant>
        <vt:lpstr>Named Ranges</vt:lpstr>
      </vt:variant>
      <vt:variant>
        <vt:i4>34</vt:i4>
      </vt:variant>
    </vt:vector>
  </HeadingPairs>
  <TitlesOfParts>
    <vt:vector size="43" baseType="lpstr">
      <vt:lpstr>About</vt:lpstr>
      <vt:lpstr>Contents</vt:lpstr>
      <vt:lpstr>Figure 1.1</vt:lpstr>
      <vt:lpstr>Figure 1.2</vt:lpstr>
      <vt:lpstr>Figure 2.3</vt:lpstr>
      <vt:lpstr>Figure 2.3 (b)</vt:lpstr>
      <vt:lpstr>Figure 2.5</vt:lpstr>
      <vt:lpstr>Figure 2.5 (b)</vt:lpstr>
      <vt:lpstr>Figure 3.1</vt:lpstr>
      <vt:lpstr>'Figure 2.5 (b)'!_ftn1</vt:lpstr>
      <vt:lpstr>'Figure 2.5 (b)'!_ftnref1</vt:lpstr>
      <vt:lpstr>'Figure 2.3'!_Ref195104024</vt:lpstr>
      <vt:lpstr>'Figure 2.5 (b)'!SdCt0452eb5a71914a86a5b99123fce43ae1_0</vt:lpstr>
      <vt:lpstr>'Figure 2.5 (b)'!SdCt0452eb5a71914a86a5b99123fce43ae1_1</vt:lpstr>
      <vt:lpstr>'Figure 2.3 (b)'!SdCt0ca04e57baf34200800ddfe50287f742_0</vt:lpstr>
      <vt:lpstr>'Figure 2.3 (b)'!SdCt0ca04e57baf34200800ddfe50287f742_1</vt:lpstr>
      <vt:lpstr>'Figure 1.1'!SdCt0cf511f5c2184ab6a1f25fdd59ef5678_0</vt:lpstr>
      <vt:lpstr>'Figure 1.1'!SdCt0cf511f5c2184ab6a1f25fdd59ef5678_1</vt:lpstr>
      <vt:lpstr>'Figure 2.3 (b)'!SdCt21bb905049fd442bae9f7f7b19a6b74a_0</vt:lpstr>
      <vt:lpstr>'Figure 2.3 (b)'!SdCt21bb905049fd442bae9f7f7b19a6b74a_1</vt:lpstr>
      <vt:lpstr>'Figure 2.5 (b)'!SdCt2bbf08aef4dd463e9ffa7cedcec932c4_0</vt:lpstr>
      <vt:lpstr>'Figure 2.5 (b)'!SdCt2bbf08aef4dd463e9ffa7cedcec932c4_1</vt:lpstr>
      <vt:lpstr>'Figure 3.1'!SdCt4078c12f07d24c74abbf89de50547633_0</vt:lpstr>
      <vt:lpstr>'Figure 3.1'!SdCt4078c12f07d24c74abbf89de50547633_1</vt:lpstr>
      <vt:lpstr>'Figure 3.1'!SdCt47a23c6cc1514d8d845dfba9afc218d7_0</vt:lpstr>
      <vt:lpstr>'Figure 3.1'!SdCt47a23c6cc1514d8d845dfba9afc218d7_1</vt:lpstr>
      <vt:lpstr>'Figure 1.1'!SdCt4e5d766da78240418bd1ed6a7274eaa7_0</vt:lpstr>
      <vt:lpstr>'Figure 1.1'!SdCt4e5d766da78240418bd1ed6a7274eaa7_1</vt:lpstr>
      <vt:lpstr>'Figure 2.3 (b)'!SdCt605ce919c3da403ebf85924e05d33536_0</vt:lpstr>
      <vt:lpstr>'Figure 2.3 (b)'!SdCt605ce919c3da403ebf85924e05d33536_1</vt:lpstr>
      <vt:lpstr>'Figure 1.2'!SdCt79402f1e909b42ebb071831af3875cba_0</vt:lpstr>
      <vt:lpstr>'Figure 1.2'!SdCt79402f1e909b42ebb071831af3875cba_1</vt:lpstr>
      <vt:lpstr>'Figure 2.5 (b)'!SdCt82b33573a0da482c82f0ec9e319ba089_0</vt:lpstr>
      <vt:lpstr>'Figure 2.5 (b)'!SdCt82b33573a0da482c82f0ec9e319ba089_1</vt:lpstr>
      <vt:lpstr>'Figure 2.5 (b)'!SdCt9c2b9b44f3ae46dbb5781e822e96b4b2_0</vt:lpstr>
      <vt:lpstr>'Figure 2.5 (b)'!SdCt9c2b9b44f3ae46dbb5781e822e96b4b2_1</vt:lpstr>
      <vt:lpstr>'Figure 2.3'!SdCtd829c6b3a768476691ca3df4278cad6e_0</vt:lpstr>
      <vt:lpstr>'Figure 2.3'!SdCtd829c6b3a768476691ca3df4278cad6e_1</vt:lpstr>
      <vt:lpstr>'Figure 2.3 (b)'!SdCtdc39524207f54420aedf8e19503c5d62_0</vt:lpstr>
      <vt:lpstr>'Figure 2.3 (b)'!SdCtdc39524207f54420aedf8e19503c5d62_1</vt:lpstr>
      <vt:lpstr>'Figure 2.5 (b)'!SdCtdf609546840c41e28838e23c05e4a2c1_1</vt:lpstr>
      <vt:lpstr>'Figure 2.5 (b)'!SdCtf4739d874ab942c5ae1f7ed60222b427_0</vt:lpstr>
      <vt:lpstr>'Figure 2.5 (b)'!SdCtf4739d874ab942c5ae1f7ed60222b427_1</vt:lpstr>
    </vt:vector>
  </TitlesOfParts>
  <Manager/>
  <Company>Productivity Commission</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hart data - Guardrails for modern industry policy</dc:title>
  <dc:subject/>
  <dc:creator>Productivity Commission</dc:creator>
  <cp:keywords/>
  <dc:description/>
  <cp:lastModifiedBy>Chris Alston</cp:lastModifiedBy>
  <cp:revision/>
  <dcterms:created xsi:type="dcterms:W3CDTF">2025-07-31T06:18:17Z</dcterms:created>
  <dcterms:modified xsi:type="dcterms:W3CDTF">2025-10-13T03:59:4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54725005441542</vt:lpwstr>
  </property>
  <property fmtid="{D5CDD505-2E9C-101B-9397-08002B2CF9AE}" pid="4" name="TemplafyUserProfileId">
    <vt:lpwstr>637825451974912191</vt:lpwstr>
  </property>
  <property fmtid="{D5CDD505-2E9C-101B-9397-08002B2CF9AE}" pid="5" name="TemplafyFromBlank">
    <vt:bool>false</vt:bool>
  </property>
  <property fmtid="{D5CDD505-2E9C-101B-9397-08002B2CF9AE}" pid="6" name="MSIP_Label_f7467c1a-e0ed-413c-a72b-aac8e8e94f41_Enabled">
    <vt:lpwstr>true</vt:lpwstr>
  </property>
  <property fmtid="{D5CDD505-2E9C-101B-9397-08002B2CF9AE}" pid="7" name="MSIP_Label_f7467c1a-e0ed-413c-a72b-aac8e8e94f41_SetDate">
    <vt:lpwstr>2025-07-31T06:19:51Z</vt:lpwstr>
  </property>
  <property fmtid="{D5CDD505-2E9C-101B-9397-08002B2CF9AE}" pid="8" name="MSIP_Label_f7467c1a-e0ed-413c-a72b-aac8e8e94f41_Method">
    <vt:lpwstr>Privileged</vt:lpwstr>
  </property>
  <property fmtid="{D5CDD505-2E9C-101B-9397-08002B2CF9AE}" pid="9" name="MSIP_Label_f7467c1a-e0ed-413c-a72b-aac8e8e94f41_Name">
    <vt:lpwstr>OFFICIAL</vt:lpwstr>
  </property>
  <property fmtid="{D5CDD505-2E9C-101B-9397-08002B2CF9AE}" pid="10" name="MSIP_Label_f7467c1a-e0ed-413c-a72b-aac8e8e94f41_SiteId">
    <vt:lpwstr>29f9330b-c0fe-4244-830e-ba9f275d6c34</vt:lpwstr>
  </property>
  <property fmtid="{D5CDD505-2E9C-101B-9397-08002B2CF9AE}" pid="11" name="MSIP_Label_f7467c1a-e0ed-413c-a72b-aac8e8e94f41_ActionId">
    <vt:lpwstr>05975105-1a7d-49f1-aa6b-e1fe60334a1f</vt:lpwstr>
  </property>
  <property fmtid="{D5CDD505-2E9C-101B-9397-08002B2CF9AE}" pid="12" name="MSIP_Label_f7467c1a-e0ed-413c-a72b-aac8e8e94f41_ContentBits">
    <vt:lpwstr>1</vt:lpwstr>
  </property>
  <property fmtid="{D5CDD505-2E9C-101B-9397-08002B2CF9AE}" pid="13" name="MSIP_Label_f7467c1a-e0ed-413c-a72b-aac8e8e94f41_Tag">
    <vt:lpwstr>10, 0, 1, 1</vt:lpwstr>
  </property>
  <property fmtid="{D5CDD505-2E9C-101B-9397-08002B2CF9AE}" pid="14" name="ContentTypeId">
    <vt:lpwstr>0x0101006C0B5E815648EF46B6FA6D42F17E5E9F000C963E276195B04F83BC027CFDC94A8D</vt:lpwstr>
  </property>
  <property fmtid="{D5CDD505-2E9C-101B-9397-08002B2CF9AE}" pid="15" name="RevIMBCS">
    <vt:lpwstr>1;#Unclassified|3955eeb1-2d18-4582-aeb2-00144ec3aaf5</vt:lpwstr>
  </property>
  <property fmtid="{D5CDD505-2E9C-101B-9397-08002B2CF9AE}" pid="16" name="MediaServiceImageTags">
    <vt:lpwstr/>
  </property>
  <property fmtid="{D5CDD505-2E9C-101B-9397-08002B2CF9AE}" pid="17" name="_dlc_DocIdItemGuid">
    <vt:lpwstr>f828b9a3-469b-4731-a492-276881d7c680</vt:lpwstr>
  </property>
</Properties>
</file>